
<file path=[Content_Types].xml><?xml version="1.0" encoding="utf-8"?>
<Types xmlns="http://schemas.openxmlformats.org/package/2006/content-types">
  <Override PartName="/ppt/tags/tag8.xml" ContentType="application/vnd.openxmlformats-officedocument.presentationml.tags+xml"/>
  <Override PartName="/ppt/notesSlides/notesSlide2.xml" ContentType="application/vnd.openxmlformats-officedocument.presentationml.notesSlide+xml"/>
  <Override PartName="/ppt/slides/slide4.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tags/tag89.xml" ContentType="application/vnd.openxmlformats-officedocument.presentationml.tags+xml"/>
  <Override PartName="/ppt/theme/theme1.xml" ContentType="application/vnd.openxmlformats-officedocument.theme+xml"/>
  <Override PartName="/ppt/slideLayouts/slideLayout2.xml" ContentType="application/vnd.openxmlformats-officedocument.presentationml.slideLayout+xml"/>
  <Override PartName="/ppt/tags/tag49.xml" ContentType="application/vnd.openxmlformats-officedocument.presentationml.tags+xml"/>
  <Override PartName="/ppt/tags/tag78.xml" ContentType="application/vnd.openxmlformats-officedocument.presentationml.tags+xml"/>
  <Override PartName="/ppt/tags/tag96.xml" ContentType="application/vnd.openxmlformats-officedocument.presentationml.tags+xml"/>
  <Override PartName="/ppt/tags/tag100.xml" ContentType="application/vnd.openxmlformats-officedocument.presentationml.tags+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tags/tag38.xml" ContentType="application/vnd.openxmlformats-officedocument.presentationml.tags+xml"/>
  <Override PartName="/ppt/tags/tag56.xml" ContentType="application/vnd.openxmlformats-officedocument.presentationml.tags+xml"/>
  <Override PartName="/ppt/tags/tag67.xml" ContentType="application/vnd.openxmlformats-officedocument.presentationml.tags+xml"/>
  <Override PartName="/ppt/tags/tag85.xml" ContentType="application/vnd.openxmlformats-officedocument.presentationml.tags+xml"/>
  <Override PartName="/ppt/slides/slide10.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tags/tag27.xml" ContentType="application/vnd.openxmlformats-officedocument.presentationml.tags+xml"/>
  <Override PartName="/ppt/tags/tag45.xml" ContentType="application/vnd.openxmlformats-officedocument.presentationml.tags+xml"/>
  <Override PartName="/ppt/tags/tag63.xml" ContentType="application/vnd.openxmlformats-officedocument.presentationml.tags+xml"/>
  <Override PartName="/ppt/tags/tag74.xml" ContentType="application/vnd.openxmlformats-officedocument.presentationml.tags+xml"/>
  <Override PartName="/ppt/tags/tag92.xml" ContentType="application/vnd.openxmlformats-officedocument.presentationml.tags+xml"/>
  <Override PartName="/ppt/tags/tag34.xml" ContentType="application/vnd.openxmlformats-officedocument.presentationml.tags+xml"/>
  <Override PartName="/ppt/tags/tag52.xml" ContentType="application/vnd.openxmlformats-officedocument.presentationml.tags+xml"/>
  <Override PartName="/ppt/tags/tag81.xml" ContentType="application/vnd.openxmlformats-officedocument.presentationml.tags+xml"/>
  <Override PartName="/ppt/notesSlides/notesSlide12.xml" ContentType="application/vnd.openxmlformats-officedocument.presentationml.notesSlide+xml"/>
  <Override PartName="/ppt/tags/tag12.xml" ContentType="application/vnd.openxmlformats-officedocument.presentationml.tags+xml"/>
  <Override PartName="/ppt/tags/tag23.xml" ContentType="application/vnd.openxmlformats-officedocument.presentationml.tags+xml"/>
  <Override PartName="/ppt/tags/tag41.xml" ContentType="application/vnd.openxmlformats-officedocument.presentationml.tags+xml"/>
  <Override PartName="/ppt/notesSlides/notesSlide7.xml" ContentType="application/vnd.openxmlformats-officedocument.presentationml.notesSlide+xml"/>
  <Override PartName="/ppt/tags/tag70.xml" ContentType="application/vnd.openxmlformats-officedocument.presentationml.tags+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Layouts/slideLayout7.xml" ContentType="application/vnd.openxmlformats-officedocument.presentationml.slideLayout+xml"/>
  <Default Extension="png" ContentType="image/png"/>
  <Default Extension="bin" ContentType="application/vnd.openxmlformats-officedocument.oleObject"/>
  <Override PartName="/ppt/notesSlides/notesSlide3.xml" ContentType="application/vnd.openxmlformats-officedocument.presentationml.notesSlide+xml"/>
  <Override PartName="/ppt/presProps.xml" ContentType="application/vnd.openxmlformats-officedocument.presentationml.presProps+xml"/>
  <Override PartName="/ppt/tags/tag5.xml" ContentType="application/vnd.openxmlformats-officedocument.presentationml.tags+xml"/>
  <Override PartName="/ppt/theme/theme2.xml" ContentType="application/vnd.openxmlformats-officedocument.theme+xml"/>
  <Override PartName="/ppt/tags/tag79.xml" ContentType="application/vnd.openxmlformats-officedocument.presentationml.tags+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Override PartName="/ppt/tags/tag39.xml" ContentType="application/vnd.openxmlformats-officedocument.presentationml.tags+xml"/>
  <Override PartName="/ppt/tags/tag68.xml" ContentType="application/vnd.openxmlformats-officedocument.presentationml.tags+xml"/>
  <Override PartName="/ppt/tags/tag86.xml" ContentType="application/vnd.openxmlformats-officedocument.presentationml.tags+xml"/>
  <Override PartName="/ppt/tags/tag97.xml" ContentType="application/vnd.openxmlformats-officedocument.presentationml.tags+xml"/>
  <Override PartName="/ppt/presentation.xml" ContentType="application/vnd.openxmlformats-officedocument.presentationml.presentation.main+xml"/>
  <Override PartName="/ppt/slides/slide13.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tags/tag19.xml" ContentType="application/vnd.openxmlformats-officedocument.presentationml.tags+xml"/>
  <Override PartName="/ppt/tags/tag28.xml" ContentType="application/vnd.openxmlformats-officedocument.presentationml.tags+xml"/>
  <Override PartName="/ppt/tags/tag37.xml" ContentType="application/vnd.openxmlformats-officedocument.presentationml.tags+xml"/>
  <Override PartName="/ppt/tags/tag48.xml" ContentType="application/vnd.openxmlformats-officedocument.presentationml.tags+xml"/>
  <Override PartName="/ppt/tags/tag57.xml" ContentType="application/vnd.openxmlformats-officedocument.presentationml.tags+xml"/>
  <Override PartName="/ppt/tags/tag66.xml" ContentType="application/vnd.openxmlformats-officedocument.presentationml.tags+xml"/>
  <Override PartName="/ppt/tags/tag75.xml" ContentType="application/vnd.openxmlformats-officedocument.presentationml.tags+xml"/>
  <Override PartName="/ppt/tags/tag84.xml" ContentType="application/vnd.openxmlformats-officedocument.presentationml.tags+xml"/>
  <Override PartName="/ppt/tags/tag95.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tags/tag17.xml" ContentType="application/vnd.openxmlformats-officedocument.presentationml.tags+xml"/>
  <Override PartName="/ppt/tags/tag26.xml" ContentType="application/vnd.openxmlformats-officedocument.presentationml.tags+xml"/>
  <Override PartName="/ppt/tags/tag35.xml" ContentType="application/vnd.openxmlformats-officedocument.presentationml.tags+xml"/>
  <Override PartName="/ppt/tags/tag46.xml" ContentType="application/vnd.openxmlformats-officedocument.presentationml.tags+xml"/>
  <Override PartName="/ppt/tags/tag55.xml" ContentType="application/vnd.openxmlformats-officedocument.presentationml.tags+xml"/>
  <Override PartName="/ppt/tags/tag64.xml" ContentType="application/vnd.openxmlformats-officedocument.presentationml.tags+xml"/>
  <Override PartName="/ppt/tags/tag73.xml" ContentType="application/vnd.openxmlformats-officedocument.presentationml.tags+xml"/>
  <Override PartName="/ppt/tags/tag82.xml" ContentType="application/vnd.openxmlformats-officedocument.presentationml.tags+xml"/>
  <Override PartName="/ppt/tags/tag93.xml" ContentType="application/vnd.openxmlformats-officedocument.presentationml.tags+xml"/>
  <Override PartName="/ppt/notesSlides/notesSlide13.xml" ContentType="application/vnd.openxmlformats-officedocument.presentationml.notesSlide+xml"/>
  <Override PartName="/ppt/slideLayouts/slideLayout10.xml" ContentType="application/vnd.openxmlformats-officedocument.presentationml.slideLayout+xml"/>
  <Default Extension="vml" ContentType="application/vnd.openxmlformats-officedocument.vmlDrawing"/>
  <Override PartName="/ppt/tags/tag15.xml" ContentType="application/vnd.openxmlformats-officedocument.presentationml.tags+xml"/>
  <Override PartName="/ppt/tags/tag24.xml" ContentType="application/vnd.openxmlformats-officedocument.presentationml.tags+xml"/>
  <Override PartName="/ppt/tags/tag33.xml" ContentType="application/vnd.openxmlformats-officedocument.presentationml.tags+xml"/>
  <Override PartName="/ppt/tags/tag44.xml" ContentType="application/vnd.openxmlformats-officedocument.presentationml.tags+xml"/>
  <Override PartName="/ppt/tags/tag53.xml" ContentType="application/vnd.openxmlformats-officedocument.presentationml.tags+xml"/>
  <Override PartName="/ppt/tags/tag62.xml" ContentType="application/vnd.openxmlformats-officedocument.presentationml.tags+xml"/>
  <Override PartName="/ppt/notesSlides/notesSlide8.xml" ContentType="application/vnd.openxmlformats-officedocument.presentationml.notesSlide+xml"/>
  <Override PartName="/ppt/tags/tag71.xml" ContentType="application/vnd.openxmlformats-officedocument.presentationml.tags+xml"/>
  <Override PartName="/ppt/tags/tag80.xml" ContentType="application/vnd.openxmlformats-officedocument.presentationml.tags+xml"/>
  <Override PartName="/ppt/notesSlides/notesSlide11.xml" ContentType="application/vnd.openxmlformats-officedocument.presentationml.notesSlide+xml"/>
  <Override PartName="/ppt/tags/tag91.xml" ContentType="application/vnd.openxmlformats-officedocument.presentationml.tags+xml"/>
  <Override PartName="/ppt/tags/tag13.xml" ContentType="application/vnd.openxmlformats-officedocument.presentationml.tags+xml"/>
  <Override PartName="/ppt/tags/tag22.xml" ContentType="application/vnd.openxmlformats-officedocument.presentationml.tags+xml"/>
  <Override PartName="/ppt/tags/tag31.xml" ContentType="application/vnd.openxmlformats-officedocument.presentationml.tags+xml"/>
  <Override PartName="/ppt/tags/tag40.xml" ContentType="application/vnd.openxmlformats-officedocument.presentationml.tags+xml"/>
  <Override PartName="/ppt/tags/tag42.xml" ContentType="application/vnd.openxmlformats-officedocument.presentationml.tags+xml"/>
  <Override PartName="/ppt/tags/tag51.xml" ContentType="application/vnd.openxmlformats-officedocument.presentationml.tags+xml"/>
  <Override PartName="/ppt/notesSlides/notesSlide6.xml" ContentType="application/vnd.openxmlformats-officedocument.presentationml.notesSlide+xml"/>
  <Override PartName="/ppt/tags/tag60.xml" ContentType="application/vnd.openxmlformats-officedocument.presentationml.tags+xml"/>
  <Override PartName="/ppt/slides/slide8.xml" ContentType="application/vnd.openxmlformats-officedocument.presentationml.slide+xml"/>
  <Override PartName="/ppt/handoutMasters/handoutMaster1.xml" ContentType="application/vnd.openxmlformats-officedocument.presentationml.handoutMaster+xml"/>
  <Override PartName="/ppt/tags/tag11.xml" ContentType="application/vnd.openxmlformats-officedocument.presentationml.tags+xml"/>
  <Override PartName="/ppt/tags/tag20.xml" ContentType="application/vnd.openxmlformats-officedocument.presentationml.tags+xml"/>
  <Override PartName="/ppt/notesSlides/notesSlide4.xml" ContentType="application/vnd.openxmlformats-officedocument.presentationml.notesSlide+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Layouts/slideLayout4.xml" ContentType="application/vnd.openxmlformats-officedocument.presentationml.slideLayout+xml"/>
  <Override PartName="/ppt/theme/theme3.xml" ContentType="application/vnd.openxmlformats-officedocument.theme+xml"/>
  <Override PartName="/ppt/tags/tag98.xml" ContentType="application/vnd.openxmlformats-officedocument.presentationml.tags+xml"/>
  <Override PartName="/ppt/slides/slide2.xml" ContentType="application/vnd.openxmlformats-officedocument.presentationml.slide+xml"/>
  <Override PartName="/ppt/tags/tag2.xml" ContentType="application/vnd.openxmlformats-officedocument.presentationml.tags+xml"/>
  <Default Extension="wmf" ContentType="image/x-wmf"/>
  <Override PartName="/ppt/tags/tag58.xml" ContentType="application/vnd.openxmlformats-officedocument.presentationml.tags+xml"/>
  <Override PartName="/ppt/tags/tag69.xml" ContentType="application/vnd.openxmlformats-officedocument.presentationml.tags+xml"/>
  <Override PartName="/ppt/tags/tag87.xml" ContentType="application/vnd.openxmlformats-officedocument.presentationml.tags+xml"/>
  <Default Extension="rels" ContentType="application/vnd.openxmlformats-package.relationships+xml"/>
  <Override PartName="/ppt/tags/tag29.xml" ContentType="application/vnd.openxmlformats-officedocument.presentationml.tags+xml"/>
  <Override PartName="/ppt/tags/tag47.xml" ContentType="application/vnd.openxmlformats-officedocument.presentationml.tags+xml"/>
  <Override PartName="/ppt/tags/tag76.xml" ContentType="application/vnd.openxmlformats-officedocument.presentationml.tags+xml"/>
  <Override PartName="/ppt/tags/tag94.xml" ContentType="application/vnd.openxmlformats-officedocument.presentationml.tags+xml"/>
  <Override PartName="/ppt/slides/slide12.xml" ContentType="application/vnd.openxmlformats-officedocument.presentationml.slide+xml"/>
  <Override PartName="/ppt/slideLayouts/slideLayout11.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tags/tag54.xml" ContentType="application/vnd.openxmlformats-officedocument.presentationml.tags+xml"/>
  <Override PartName="/ppt/tags/tag65.xml" ContentType="application/vnd.openxmlformats-officedocument.presentationml.tags+xml"/>
  <Override PartName="/ppt/tags/tag83.xml" ContentType="application/vnd.openxmlformats-officedocument.presentationml.tags+xml"/>
  <Override PartName="/ppt/notesSlides/notesSlide14.xml" ContentType="application/vnd.openxmlformats-officedocument.presentationml.notesSlide+xml"/>
  <Override PartName="/ppt/tags/tag14.xml" ContentType="application/vnd.openxmlformats-officedocument.presentationml.tags+xml"/>
  <Override PartName="/ppt/tags/tag25.xml" ContentType="application/vnd.openxmlformats-officedocument.presentationml.tags+xml"/>
  <Override PartName="/ppt/tags/tag43.xml" ContentType="application/vnd.openxmlformats-officedocument.presentationml.tags+xml"/>
  <Override PartName="/ppt/tags/tag61.xml" ContentType="application/vnd.openxmlformats-officedocument.presentationml.tags+xml"/>
  <Override PartName="/ppt/tags/tag72.xml" ContentType="application/vnd.openxmlformats-officedocument.presentationml.tags+xml"/>
  <Override PartName="/ppt/notesSlides/notesSlide9.xml" ContentType="application/vnd.openxmlformats-officedocument.presentationml.notesSlide+xml"/>
  <Override PartName="/ppt/tags/tag90.xml" ContentType="application/vnd.openxmlformats-officedocument.presentationml.tags+xml"/>
  <Override PartName="/ppt/tags/tag32.xml" ContentType="application/vnd.openxmlformats-officedocument.presentationml.tags+xml"/>
  <Override PartName="/ppt/tags/tag50.xml" ContentType="application/vnd.openxmlformats-officedocument.presentationml.tags+xml"/>
  <Override PartName="/ppt/notesSlides/notesSlide10.xml" ContentType="application/vnd.openxmlformats-officedocument.presentationml.notesSlide+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tags/tag7.xml" ContentType="application/vnd.openxmlformats-officedocument.presentationml.tags+xml"/>
  <Override PartName="/ppt/notesSlides/notesSlide1.xml" ContentType="application/vnd.openxmlformats-officedocument.presentationml.notesSlide+xml"/>
  <Override PartName="/ppt/slides/slide3.xml" ContentType="application/vnd.openxmlformats-officedocument.presentationml.slide+xml"/>
  <Override PartName="/ppt/slideLayouts/slideLayout5.xml" ContentType="application/vnd.openxmlformats-officedocument.presentationml.slideLayout+xml"/>
  <Override PartName="/ppt/tags/tag99.xml" ContentType="application/vnd.openxmlformats-officedocument.presentationml.tags+xml"/>
  <Override PartName="/ppt/tags/tag3.xml" ContentType="application/vnd.openxmlformats-officedocument.presentationml.tags+xml"/>
  <Default Extension="jpeg" ContentType="image/jpeg"/>
  <Override PartName="/ppt/tags/tag59.xml" ContentType="application/vnd.openxmlformats-officedocument.presentationml.tags+xml"/>
  <Override PartName="/ppt/tags/tag77.xml" ContentType="application/vnd.openxmlformats-officedocument.presentationml.tags+xml"/>
  <Override PartName="/ppt/tags/tag88.xml" ContentType="application/vnd.openxmlformats-officedocument.presentationml.tag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saveSubsetFonts="1">
  <p:sldMasterIdLst>
    <p:sldMasterId id="2147483650" r:id="rId1"/>
  </p:sldMasterIdLst>
  <p:notesMasterIdLst>
    <p:notesMasterId r:id="rId17"/>
  </p:notesMasterIdLst>
  <p:handoutMasterIdLst>
    <p:handoutMasterId r:id="rId18"/>
  </p:handoutMasterIdLst>
  <p:sldIdLst>
    <p:sldId id="256" r:id="rId2"/>
    <p:sldId id="382" r:id="rId3"/>
    <p:sldId id="363" r:id="rId4"/>
    <p:sldId id="367" r:id="rId5"/>
    <p:sldId id="371" r:id="rId6"/>
    <p:sldId id="372" r:id="rId7"/>
    <p:sldId id="373" r:id="rId8"/>
    <p:sldId id="381" r:id="rId9"/>
    <p:sldId id="374" r:id="rId10"/>
    <p:sldId id="375" r:id="rId11"/>
    <p:sldId id="378" r:id="rId12"/>
    <p:sldId id="376" r:id="rId13"/>
    <p:sldId id="377" r:id="rId14"/>
    <p:sldId id="383" r:id="rId15"/>
    <p:sldId id="384" r:id="rId16"/>
  </p:sldIdLst>
  <p:sldSz cx="10058400" cy="7772400"/>
  <p:notesSz cx="7010400" cy="9296400"/>
  <p:custDataLst>
    <p:tags r:id="rId19"/>
  </p:custDataLst>
  <p:defaultTextStyle>
    <a:defPPr>
      <a:defRPr lang="en-US"/>
    </a:defPPr>
    <a:lvl1pPr algn="l" rtl="0" fontAlgn="base">
      <a:spcBef>
        <a:spcPct val="0"/>
      </a:spcBef>
      <a:spcAft>
        <a:spcPct val="0"/>
      </a:spcAft>
      <a:defRPr sz="1400" kern="1200">
        <a:solidFill>
          <a:schemeClr val="tx1"/>
        </a:solidFill>
        <a:latin typeface="Century Gothic" pitchFamily="34" charset="0"/>
        <a:ea typeface="+mn-ea"/>
        <a:cs typeface="+mn-cs"/>
      </a:defRPr>
    </a:lvl1pPr>
    <a:lvl2pPr marL="457200" algn="l" rtl="0" fontAlgn="base">
      <a:spcBef>
        <a:spcPct val="0"/>
      </a:spcBef>
      <a:spcAft>
        <a:spcPct val="0"/>
      </a:spcAft>
      <a:defRPr sz="1400" kern="1200">
        <a:solidFill>
          <a:schemeClr val="tx1"/>
        </a:solidFill>
        <a:latin typeface="Century Gothic" pitchFamily="34" charset="0"/>
        <a:ea typeface="+mn-ea"/>
        <a:cs typeface="+mn-cs"/>
      </a:defRPr>
    </a:lvl2pPr>
    <a:lvl3pPr marL="914400" algn="l" rtl="0" fontAlgn="base">
      <a:spcBef>
        <a:spcPct val="0"/>
      </a:spcBef>
      <a:spcAft>
        <a:spcPct val="0"/>
      </a:spcAft>
      <a:defRPr sz="1400" kern="1200">
        <a:solidFill>
          <a:schemeClr val="tx1"/>
        </a:solidFill>
        <a:latin typeface="Century Gothic" pitchFamily="34" charset="0"/>
        <a:ea typeface="+mn-ea"/>
        <a:cs typeface="+mn-cs"/>
      </a:defRPr>
    </a:lvl3pPr>
    <a:lvl4pPr marL="1371600" algn="l" rtl="0" fontAlgn="base">
      <a:spcBef>
        <a:spcPct val="0"/>
      </a:spcBef>
      <a:spcAft>
        <a:spcPct val="0"/>
      </a:spcAft>
      <a:defRPr sz="1400" kern="1200">
        <a:solidFill>
          <a:schemeClr val="tx1"/>
        </a:solidFill>
        <a:latin typeface="Century Gothic" pitchFamily="34" charset="0"/>
        <a:ea typeface="+mn-ea"/>
        <a:cs typeface="+mn-cs"/>
      </a:defRPr>
    </a:lvl4pPr>
    <a:lvl5pPr marL="1828800" algn="l" rtl="0" fontAlgn="base">
      <a:spcBef>
        <a:spcPct val="0"/>
      </a:spcBef>
      <a:spcAft>
        <a:spcPct val="0"/>
      </a:spcAft>
      <a:defRPr sz="1400" kern="1200">
        <a:solidFill>
          <a:schemeClr val="tx1"/>
        </a:solidFill>
        <a:latin typeface="Century Gothic" pitchFamily="34" charset="0"/>
        <a:ea typeface="+mn-ea"/>
        <a:cs typeface="+mn-cs"/>
      </a:defRPr>
    </a:lvl5pPr>
    <a:lvl6pPr marL="2286000" algn="l" defTabSz="914400" rtl="0" eaLnBrk="1" latinLnBrk="0" hangingPunct="1">
      <a:defRPr sz="1400" kern="1200">
        <a:solidFill>
          <a:schemeClr val="tx1"/>
        </a:solidFill>
        <a:latin typeface="Century Gothic" pitchFamily="34" charset="0"/>
        <a:ea typeface="+mn-ea"/>
        <a:cs typeface="+mn-cs"/>
      </a:defRPr>
    </a:lvl6pPr>
    <a:lvl7pPr marL="2743200" algn="l" defTabSz="914400" rtl="0" eaLnBrk="1" latinLnBrk="0" hangingPunct="1">
      <a:defRPr sz="1400" kern="1200">
        <a:solidFill>
          <a:schemeClr val="tx1"/>
        </a:solidFill>
        <a:latin typeface="Century Gothic" pitchFamily="34" charset="0"/>
        <a:ea typeface="+mn-ea"/>
        <a:cs typeface="+mn-cs"/>
      </a:defRPr>
    </a:lvl7pPr>
    <a:lvl8pPr marL="3200400" algn="l" defTabSz="914400" rtl="0" eaLnBrk="1" latinLnBrk="0" hangingPunct="1">
      <a:defRPr sz="1400" kern="1200">
        <a:solidFill>
          <a:schemeClr val="tx1"/>
        </a:solidFill>
        <a:latin typeface="Century Gothic" pitchFamily="34" charset="0"/>
        <a:ea typeface="+mn-ea"/>
        <a:cs typeface="+mn-cs"/>
      </a:defRPr>
    </a:lvl8pPr>
    <a:lvl9pPr marL="3657600" algn="l" defTabSz="914400" rtl="0" eaLnBrk="1" latinLnBrk="0" hangingPunct="1">
      <a:defRPr sz="1400" kern="1200">
        <a:solidFill>
          <a:schemeClr val="tx1"/>
        </a:solidFill>
        <a:latin typeface="Century Gothic" pitchFamily="34"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FCC66"/>
    <a:srgbClr val="0033CC"/>
    <a:srgbClr val="D6E0EC"/>
  </p:clrMru>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snapVertSplitter="1" vertBarState="minimized" horzBarState="maximized">
    <p:restoredLeft sz="12009" autoAdjust="0"/>
    <p:restoredTop sz="94563" autoAdjust="0"/>
  </p:normalViewPr>
  <p:slideViewPr>
    <p:cSldViewPr>
      <p:cViewPr>
        <p:scale>
          <a:sx n="100" d="100"/>
          <a:sy n="100" d="100"/>
        </p:scale>
        <p:origin x="-606" y="60"/>
      </p:cViewPr>
      <p:guideLst>
        <p:guide orient="horz" pos="2448"/>
        <p:guide pos="3168"/>
      </p:guideLst>
    </p:cSldViewPr>
  </p:slideViewPr>
  <p:notesTextViewPr>
    <p:cViewPr>
      <p:scale>
        <a:sx n="100" d="100"/>
        <a:sy n="100" d="100"/>
      </p:scale>
      <p:origin x="0" y="0"/>
    </p:cViewPr>
  </p:notesTextViewPr>
  <p:sorterViewPr>
    <p:cViewPr>
      <p:scale>
        <a:sx n="100" d="100"/>
        <a:sy n="100" d="100"/>
      </p:scale>
      <p:origin x="0" y="876"/>
    </p:cViewPr>
  </p:sorterViewPr>
  <p:notesViewPr>
    <p:cSldViewPr>
      <p:cViewPr varScale="1">
        <p:scale>
          <a:sx n="55" d="100"/>
          <a:sy n="55" d="100"/>
        </p:scale>
        <p:origin x="-1806" y="-90"/>
      </p:cViewPr>
      <p:guideLst>
        <p:guide orient="horz" pos="2928"/>
        <p:guide pos="2208"/>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handoutMaster" Target="handoutMasters/handoutMaster1.xml"/><Relationship Id="rId3" Type="http://schemas.openxmlformats.org/officeDocument/2006/relationships/slide" Target="slides/slide2.xml"/><Relationship Id="rId21"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tags" Target="tags/tag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png"/></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png"/></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png"/></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3038372" cy="464184"/>
          </a:xfrm>
          <a:prstGeom prst="rect">
            <a:avLst/>
          </a:prstGeom>
          <a:noFill/>
          <a:ln w="6350">
            <a:noFill/>
            <a:miter lim="800000"/>
            <a:headEnd/>
            <a:tailEnd/>
          </a:ln>
          <a:effectLst/>
        </p:spPr>
        <p:txBody>
          <a:bodyPr vert="horz" wrap="square" lIns="46581" tIns="46581" rIns="46581" bIns="46581" numCol="1" anchor="t" anchorCtr="0" compatLnSpc="1">
            <a:prstTxWarp prst="textNoShape">
              <a:avLst/>
            </a:prstTxWarp>
          </a:bodyPr>
          <a:lstStyle>
            <a:lvl1pPr algn="l" defTabSz="931581" eaLnBrk="0" hangingPunct="0">
              <a:spcBef>
                <a:spcPct val="0"/>
              </a:spcBef>
              <a:defRPr sz="1200">
                <a:latin typeface="Trebuchet MS" pitchFamily="34" charset="0"/>
              </a:defRPr>
            </a:lvl1pPr>
          </a:lstStyle>
          <a:p>
            <a:pPr>
              <a:defRPr/>
            </a:pPr>
            <a:endParaRPr lang="en-US"/>
          </a:p>
        </p:txBody>
      </p:sp>
      <p:sp>
        <p:nvSpPr>
          <p:cNvPr id="11267" name="Rectangle 3"/>
          <p:cNvSpPr>
            <a:spLocks noGrp="1" noChangeArrowheads="1"/>
          </p:cNvSpPr>
          <p:nvPr>
            <p:ph type="dt" sz="quarter" idx="1"/>
          </p:nvPr>
        </p:nvSpPr>
        <p:spPr bwMode="auto">
          <a:xfrm>
            <a:off x="3972029" y="0"/>
            <a:ext cx="3038371" cy="464184"/>
          </a:xfrm>
          <a:prstGeom prst="rect">
            <a:avLst/>
          </a:prstGeom>
          <a:noFill/>
          <a:ln w="6350">
            <a:noFill/>
            <a:miter lim="800000"/>
            <a:headEnd/>
            <a:tailEnd/>
          </a:ln>
          <a:effectLst/>
        </p:spPr>
        <p:txBody>
          <a:bodyPr vert="horz" wrap="square" lIns="46581" tIns="46581" rIns="46581" bIns="46581" numCol="1" anchor="t" anchorCtr="0" compatLnSpc="1">
            <a:prstTxWarp prst="textNoShape">
              <a:avLst/>
            </a:prstTxWarp>
          </a:bodyPr>
          <a:lstStyle>
            <a:lvl1pPr algn="r" defTabSz="931581" eaLnBrk="0" hangingPunct="0">
              <a:spcBef>
                <a:spcPct val="0"/>
              </a:spcBef>
              <a:defRPr sz="1200">
                <a:latin typeface="Trebuchet MS" pitchFamily="34" charset="0"/>
              </a:defRPr>
            </a:lvl1pPr>
          </a:lstStyle>
          <a:p>
            <a:pPr>
              <a:defRPr/>
            </a:pPr>
            <a:endParaRPr lang="en-US"/>
          </a:p>
        </p:txBody>
      </p:sp>
      <p:sp>
        <p:nvSpPr>
          <p:cNvPr id="11268" name="Rectangle 4"/>
          <p:cNvSpPr>
            <a:spLocks noGrp="1" noChangeArrowheads="1"/>
          </p:cNvSpPr>
          <p:nvPr>
            <p:ph type="ftr" sz="quarter" idx="2"/>
          </p:nvPr>
        </p:nvSpPr>
        <p:spPr bwMode="auto">
          <a:xfrm>
            <a:off x="0" y="8832216"/>
            <a:ext cx="3038372" cy="464184"/>
          </a:xfrm>
          <a:prstGeom prst="rect">
            <a:avLst/>
          </a:prstGeom>
          <a:noFill/>
          <a:ln w="6350">
            <a:noFill/>
            <a:miter lim="800000"/>
            <a:headEnd/>
            <a:tailEnd/>
          </a:ln>
          <a:effectLst/>
        </p:spPr>
        <p:txBody>
          <a:bodyPr vert="horz" wrap="square" lIns="46581" tIns="46581" rIns="46581" bIns="46581" numCol="1" anchor="b" anchorCtr="0" compatLnSpc="1">
            <a:prstTxWarp prst="textNoShape">
              <a:avLst/>
            </a:prstTxWarp>
          </a:bodyPr>
          <a:lstStyle>
            <a:lvl1pPr algn="l" defTabSz="931581" eaLnBrk="0" hangingPunct="0">
              <a:spcBef>
                <a:spcPct val="0"/>
              </a:spcBef>
              <a:defRPr sz="1200">
                <a:latin typeface="Trebuchet MS" pitchFamily="34" charset="0"/>
              </a:defRPr>
            </a:lvl1pPr>
          </a:lstStyle>
          <a:p>
            <a:pPr>
              <a:defRPr/>
            </a:pPr>
            <a:endParaRPr lang="en-US"/>
          </a:p>
        </p:txBody>
      </p:sp>
      <p:sp>
        <p:nvSpPr>
          <p:cNvPr id="11269" name="Rectangle 5"/>
          <p:cNvSpPr>
            <a:spLocks noGrp="1" noChangeArrowheads="1"/>
          </p:cNvSpPr>
          <p:nvPr>
            <p:ph type="sldNum" sz="quarter" idx="3"/>
          </p:nvPr>
        </p:nvSpPr>
        <p:spPr bwMode="auto">
          <a:xfrm>
            <a:off x="3972029" y="8832216"/>
            <a:ext cx="3038371" cy="464184"/>
          </a:xfrm>
          <a:prstGeom prst="rect">
            <a:avLst/>
          </a:prstGeom>
          <a:noFill/>
          <a:ln w="6350">
            <a:noFill/>
            <a:miter lim="800000"/>
            <a:headEnd/>
            <a:tailEnd/>
          </a:ln>
          <a:effectLst/>
        </p:spPr>
        <p:txBody>
          <a:bodyPr vert="horz" wrap="square" lIns="46581" tIns="46581" rIns="46581" bIns="46581" numCol="1" anchor="b" anchorCtr="0" compatLnSpc="1">
            <a:prstTxWarp prst="textNoShape">
              <a:avLst/>
            </a:prstTxWarp>
          </a:bodyPr>
          <a:lstStyle>
            <a:lvl1pPr algn="r" defTabSz="931581" eaLnBrk="0" hangingPunct="0">
              <a:spcBef>
                <a:spcPct val="0"/>
              </a:spcBef>
              <a:defRPr sz="1200">
                <a:latin typeface="Trebuchet MS" pitchFamily="34" charset="0"/>
              </a:defRPr>
            </a:lvl1pPr>
          </a:lstStyle>
          <a:p>
            <a:pPr>
              <a:defRPr/>
            </a:pPr>
            <a:fld id="{EFFA09D4-44E2-4B47-9599-B915232182F3}"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4"/>
          <p:cNvSpPr>
            <a:spLocks noGrp="1" noRot="1" noChangeAspect="1" noChangeArrowheads="1" noTextEdit="1"/>
          </p:cNvSpPr>
          <p:nvPr>
            <p:ph type="sldImg" idx="2"/>
          </p:nvPr>
        </p:nvSpPr>
        <p:spPr bwMode="auto">
          <a:xfrm>
            <a:off x="1250950" y="698500"/>
            <a:ext cx="4510088" cy="34861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35252" y="4414519"/>
            <a:ext cx="5139898" cy="4184016"/>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Slide Image Placeholder 1"/>
          <p:cNvSpPr>
            <a:spLocks noGrp="1" noRot="1" noChangeAspect="1" noTextEdit="1"/>
          </p:cNvSpPr>
          <p:nvPr>
            <p:ph type="sldImg"/>
          </p:nvPr>
        </p:nvSpPr>
        <p:spPr>
          <a:ln/>
        </p:spPr>
      </p:sp>
      <p:sp>
        <p:nvSpPr>
          <p:cNvPr id="9219" name="Notes Placeholder 2"/>
          <p:cNvSpPr>
            <a:spLocks noGrp="1"/>
          </p:cNvSpPr>
          <p:nvPr>
            <p:ph type="body" idx="1"/>
          </p:nvPr>
        </p:nvSpPr>
        <p:spPr>
          <a:noFill/>
          <a:ln w="9525"/>
        </p:spPr>
        <p:txBody>
          <a:bodyPr/>
          <a:lstStyle/>
          <a:p>
            <a:endParaRPr lang="en-US" smtClean="0"/>
          </a:p>
        </p:txBody>
      </p:sp>
    </p:spTree>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4.xml"/><Relationship Id="rId13" Type="http://schemas.openxmlformats.org/officeDocument/2006/relationships/tags" Target="../tags/tag19.xml"/><Relationship Id="rId18" Type="http://schemas.openxmlformats.org/officeDocument/2006/relationships/oleObject" Target="../embeddings/oleObject2.bin"/><Relationship Id="rId3" Type="http://schemas.openxmlformats.org/officeDocument/2006/relationships/tags" Target="../tags/tag9.xml"/><Relationship Id="rId7" Type="http://schemas.openxmlformats.org/officeDocument/2006/relationships/tags" Target="../tags/tag13.xml"/><Relationship Id="rId12" Type="http://schemas.openxmlformats.org/officeDocument/2006/relationships/tags" Target="../tags/tag18.xml"/><Relationship Id="rId17" Type="http://schemas.openxmlformats.org/officeDocument/2006/relationships/image" Target="../media/image2.wmf"/><Relationship Id="rId2" Type="http://schemas.openxmlformats.org/officeDocument/2006/relationships/tags" Target="../tags/tag8.xml"/><Relationship Id="rId16" Type="http://schemas.openxmlformats.org/officeDocument/2006/relationships/image" Target="../media/image3.wmf"/><Relationship Id="rId1" Type="http://schemas.openxmlformats.org/officeDocument/2006/relationships/vmlDrawing" Target="../drawings/vmlDrawing2.vml"/><Relationship Id="rId6" Type="http://schemas.openxmlformats.org/officeDocument/2006/relationships/tags" Target="../tags/tag12.xml"/><Relationship Id="rId11" Type="http://schemas.openxmlformats.org/officeDocument/2006/relationships/tags" Target="../tags/tag17.xml"/><Relationship Id="rId5" Type="http://schemas.openxmlformats.org/officeDocument/2006/relationships/tags" Target="../tags/tag11.xml"/><Relationship Id="rId15" Type="http://schemas.openxmlformats.org/officeDocument/2006/relationships/slideMaster" Target="../slideMasters/slideMaster1.xml"/><Relationship Id="rId10" Type="http://schemas.openxmlformats.org/officeDocument/2006/relationships/tags" Target="../tags/tag16.xml"/><Relationship Id="rId19" Type="http://schemas.openxmlformats.org/officeDocument/2006/relationships/image" Target="../media/image4.jpeg"/><Relationship Id="rId4" Type="http://schemas.openxmlformats.org/officeDocument/2006/relationships/tags" Target="../tags/tag10.xml"/><Relationship Id="rId9" Type="http://schemas.openxmlformats.org/officeDocument/2006/relationships/tags" Target="../tags/tag15.xml"/><Relationship Id="rId14" Type="http://schemas.openxmlformats.org/officeDocument/2006/relationships/tags" Target="../tags/tag20.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Freeform 3" hidden="1"/>
          <p:cNvSpPr>
            <a:spLocks noChangeAspect="1" noEditPoints="1"/>
          </p:cNvSpPr>
          <p:nvPr>
            <p:custDataLst>
              <p:tags r:id="rId2"/>
            </p:custDataLst>
          </p:nvPr>
        </p:nvSpPr>
        <p:spPr bwMode="gray">
          <a:xfrm>
            <a:off x="912813" y="7175500"/>
            <a:ext cx="1527175" cy="2286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5" name="Freeform 10" hidden="1"/>
          <p:cNvSpPr>
            <a:spLocks noChangeAspect="1" noEditPoints="1"/>
          </p:cNvSpPr>
          <p:nvPr>
            <p:custDataLst>
              <p:tags r:id="rId3"/>
            </p:custDataLst>
          </p:nvPr>
        </p:nvSpPr>
        <p:spPr bwMode="gray">
          <a:xfrm>
            <a:off x="912813" y="7175500"/>
            <a:ext cx="1819275" cy="222250"/>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6" name="Freeform 11" hidden="1"/>
          <p:cNvSpPr>
            <a:spLocks noChangeAspect="1" noEditPoints="1"/>
          </p:cNvSpPr>
          <p:nvPr>
            <p:custDataLst>
              <p:tags r:id="rId4"/>
            </p:custDataLst>
          </p:nvPr>
        </p:nvSpPr>
        <p:spPr bwMode="gray">
          <a:xfrm>
            <a:off x="912813" y="7067550"/>
            <a:ext cx="1362075" cy="331788"/>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7" name="Freeform 12" hidden="1"/>
          <p:cNvSpPr>
            <a:spLocks noChangeAspect="1" noEditPoints="1"/>
          </p:cNvSpPr>
          <p:nvPr>
            <p:custDataLst>
              <p:tags r:id="rId5"/>
            </p:custDataLst>
          </p:nvPr>
        </p:nvSpPr>
        <p:spPr bwMode="gray">
          <a:xfrm>
            <a:off x="-2514600" y="4697413"/>
            <a:ext cx="2286000" cy="277812"/>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8" name="Freeform 13" hidden="1"/>
          <p:cNvSpPr>
            <a:spLocks noChangeAspect="1" noEditPoints="1"/>
          </p:cNvSpPr>
          <p:nvPr>
            <p:custDataLst>
              <p:tags r:id="rId6"/>
            </p:custDataLst>
          </p:nvPr>
        </p:nvSpPr>
        <p:spPr bwMode="gray">
          <a:xfrm>
            <a:off x="-2514600" y="4164013"/>
            <a:ext cx="2286000" cy="3302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9" name="Freeform 14" hidden="1"/>
          <p:cNvSpPr>
            <a:spLocks noChangeAspect="1" noEditPoints="1"/>
          </p:cNvSpPr>
          <p:nvPr>
            <p:custDataLst>
              <p:tags r:id="rId7"/>
            </p:custDataLst>
          </p:nvPr>
        </p:nvSpPr>
        <p:spPr bwMode="gray">
          <a:xfrm>
            <a:off x="-1544638" y="3173413"/>
            <a:ext cx="1316038" cy="330200"/>
          </a:xfrm>
          <a:custGeom>
            <a:avLst/>
            <a:gdLst/>
            <a:ahLst/>
            <a:cxnLst>
              <a:cxn ang="0">
                <a:pos x="1" y="1860"/>
              </a:cxn>
              <a:cxn ang="0">
                <a:pos x="5380" y="2754"/>
              </a:cxn>
              <a:cxn ang="0">
                <a:pos x="5364" y="2310"/>
              </a:cxn>
              <a:cxn ang="0">
                <a:pos x="5532" y="2525"/>
              </a:cxn>
              <a:cxn ang="0">
                <a:pos x="5756" y="2938"/>
              </a:cxn>
              <a:cxn ang="0">
                <a:pos x="6002" y="2471"/>
              </a:cxn>
              <a:cxn ang="0">
                <a:pos x="5621" y="2073"/>
              </a:cxn>
              <a:cxn ang="0">
                <a:pos x="15762" y="2412"/>
              </a:cxn>
              <a:cxn ang="0">
                <a:pos x="15735" y="2670"/>
              </a:cxn>
              <a:cxn ang="0">
                <a:pos x="16127" y="2687"/>
              </a:cxn>
              <a:cxn ang="0">
                <a:pos x="16608" y="2917"/>
              </a:cxn>
              <a:cxn ang="0">
                <a:pos x="16440" y="2462"/>
              </a:cxn>
              <a:cxn ang="0">
                <a:pos x="7245" y="3623"/>
              </a:cxn>
              <a:cxn ang="0">
                <a:pos x="10034" y="3221"/>
              </a:cxn>
              <a:cxn ang="0">
                <a:pos x="9717" y="3409"/>
              </a:cxn>
              <a:cxn ang="0">
                <a:pos x="9369" y="3253"/>
              </a:cxn>
              <a:cxn ang="0">
                <a:pos x="9323" y="2855"/>
              </a:cxn>
              <a:cxn ang="0">
                <a:pos x="9581" y="2605"/>
              </a:cxn>
              <a:cxn ang="0">
                <a:pos x="9972" y="2694"/>
              </a:cxn>
              <a:cxn ang="0">
                <a:pos x="10498" y="2922"/>
              </a:cxn>
              <a:cxn ang="0">
                <a:pos x="10082" y="2406"/>
              </a:cxn>
              <a:cxn ang="0">
                <a:pos x="9304" y="2406"/>
              </a:cxn>
              <a:cxn ang="0">
                <a:pos x="8887" y="2922"/>
              </a:cxn>
              <a:cxn ang="0">
                <a:pos x="9175" y="3535"/>
              </a:cxn>
              <a:cxn ang="0">
                <a:pos x="9936" y="3639"/>
              </a:cxn>
              <a:cxn ang="0">
                <a:pos x="10466" y="3226"/>
              </a:cxn>
              <a:cxn ang="0">
                <a:pos x="12627" y="2373"/>
              </a:cxn>
              <a:cxn ang="0">
                <a:pos x="11952" y="2540"/>
              </a:cxn>
              <a:cxn ang="0">
                <a:pos x="11779" y="3094"/>
              </a:cxn>
              <a:cxn ang="0">
                <a:pos x="12098" y="3567"/>
              </a:cxn>
              <a:cxn ang="0">
                <a:pos x="12721" y="3574"/>
              </a:cxn>
              <a:cxn ang="0">
                <a:pos x="12868" y="3632"/>
              </a:cxn>
              <a:cxn ang="0">
                <a:pos x="12601" y="3885"/>
              </a:cxn>
              <a:cxn ang="0">
                <a:pos x="11983" y="3826"/>
              </a:cxn>
              <a:cxn ang="0">
                <a:pos x="12532" y="4159"/>
              </a:cxn>
              <a:cxn ang="0">
                <a:pos x="13202" y="3812"/>
              </a:cxn>
              <a:cxn ang="0">
                <a:pos x="12410" y="3356"/>
              </a:cxn>
              <a:cxn ang="0">
                <a:pos x="12199" y="3105"/>
              </a:cxn>
              <a:cxn ang="0">
                <a:pos x="12245" y="2764"/>
              </a:cxn>
              <a:cxn ang="0">
                <a:pos x="12584" y="2614"/>
              </a:cxn>
              <a:cxn ang="0">
                <a:pos x="12848" y="2812"/>
              </a:cxn>
              <a:cxn ang="0">
                <a:pos x="12850" y="3162"/>
              </a:cxn>
              <a:cxn ang="0">
                <a:pos x="12573" y="3371"/>
              </a:cxn>
              <a:cxn ang="0">
                <a:pos x="14708" y="2466"/>
              </a:cxn>
              <a:cxn ang="0">
                <a:pos x="13940" y="2376"/>
              </a:cxn>
              <a:cxn ang="0">
                <a:pos x="14037" y="2598"/>
              </a:cxn>
              <a:cxn ang="0">
                <a:pos x="14442" y="2672"/>
              </a:cxn>
              <a:cxn ang="0">
                <a:pos x="13930" y="2894"/>
              </a:cxn>
              <a:cxn ang="0">
                <a:pos x="13550" y="3096"/>
              </a:cxn>
              <a:cxn ang="0">
                <a:pos x="13563" y="3459"/>
              </a:cxn>
              <a:cxn ang="0">
                <a:pos x="13969" y="3649"/>
              </a:cxn>
              <a:cxn ang="0">
                <a:pos x="14525" y="3498"/>
              </a:cxn>
              <a:cxn ang="0">
                <a:pos x="14132" y="3418"/>
              </a:cxn>
              <a:cxn ang="0">
                <a:pos x="13912" y="3313"/>
              </a:cxn>
              <a:cxn ang="0">
                <a:pos x="14012" y="3115"/>
              </a:cxn>
              <a:cxn ang="0">
                <a:pos x="3503" y="3109"/>
              </a:cxn>
              <a:cxn ang="0">
                <a:pos x="3301" y="3338"/>
              </a:cxn>
              <a:cxn ang="0">
                <a:pos x="2988" y="3643"/>
              </a:cxn>
              <a:cxn ang="0">
                <a:pos x="3769" y="3507"/>
              </a:cxn>
              <a:cxn ang="0">
                <a:pos x="11555" y="2357"/>
              </a:cxn>
              <a:cxn ang="0">
                <a:pos x="11170" y="2513"/>
              </a:cxn>
              <a:cxn ang="0">
                <a:pos x="11188" y="2804"/>
              </a:cxn>
              <a:cxn ang="0">
                <a:pos x="11416" y="2631"/>
              </a:cxn>
            </a:cxnLst>
            <a:rect l="0" t="0" r="r" b="b"/>
            <a:pathLst>
              <a:path w="16608" h="4160">
                <a:moveTo>
                  <a:pt x="2825" y="962"/>
                </a:moveTo>
                <a:lnTo>
                  <a:pt x="2025" y="962"/>
                </a:lnTo>
                <a:lnTo>
                  <a:pt x="2025" y="2821"/>
                </a:lnTo>
                <a:lnTo>
                  <a:pt x="2825" y="2022"/>
                </a:lnTo>
                <a:lnTo>
                  <a:pt x="2825" y="962"/>
                </a:lnTo>
                <a:close/>
                <a:moveTo>
                  <a:pt x="963" y="0"/>
                </a:moveTo>
                <a:lnTo>
                  <a:pt x="963" y="800"/>
                </a:lnTo>
                <a:lnTo>
                  <a:pt x="2825" y="800"/>
                </a:lnTo>
                <a:lnTo>
                  <a:pt x="2025" y="0"/>
                </a:lnTo>
                <a:lnTo>
                  <a:pt x="963" y="0"/>
                </a:lnTo>
                <a:close/>
                <a:moveTo>
                  <a:pt x="1863" y="2821"/>
                </a:moveTo>
                <a:lnTo>
                  <a:pt x="1863" y="2022"/>
                </a:lnTo>
                <a:lnTo>
                  <a:pt x="0" y="2022"/>
                </a:lnTo>
                <a:lnTo>
                  <a:pt x="800" y="2821"/>
                </a:lnTo>
                <a:lnTo>
                  <a:pt x="1863" y="2821"/>
                </a:lnTo>
                <a:close/>
                <a:moveTo>
                  <a:pt x="1" y="1860"/>
                </a:moveTo>
                <a:lnTo>
                  <a:pt x="801" y="1860"/>
                </a:lnTo>
                <a:lnTo>
                  <a:pt x="801" y="0"/>
                </a:lnTo>
                <a:lnTo>
                  <a:pt x="1" y="799"/>
                </a:lnTo>
                <a:lnTo>
                  <a:pt x="1" y="1860"/>
                </a:lnTo>
                <a:close/>
                <a:moveTo>
                  <a:pt x="5532" y="2525"/>
                </a:moveTo>
                <a:lnTo>
                  <a:pt x="5530" y="2545"/>
                </a:lnTo>
                <a:lnTo>
                  <a:pt x="5528" y="2566"/>
                </a:lnTo>
                <a:lnTo>
                  <a:pt x="5524" y="2588"/>
                </a:lnTo>
                <a:lnTo>
                  <a:pt x="5518" y="2610"/>
                </a:lnTo>
                <a:lnTo>
                  <a:pt x="5514" y="2621"/>
                </a:lnTo>
                <a:lnTo>
                  <a:pt x="5510" y="2632"/>
                </a:lnTo>
                <a:lnTo>
                  <a:pt x="5503" y="2643"/>
                </a:lnTo>
                <a:lnTo>
                  <a:pt x="5498" y="2654"/>
                </a:lnTo>
                <a:lnTo>
                  <a:pt x="5491" y="2665"/>
                </a:lnTo>
                <a:lnTo>
                  <a:pt x="5484" y="2675"/>
                </a:lnTo>
                <a:lnTo>
                  <a:pt x="5476" y="2685"/>
                </a:lnTo>
                <a:lnTo>
                  <a:pt x="5467" y="2695"/>
                </a:lnTo>
                <a:lnTo>
                  <a:pt x="5458" y="2705"/>
                </a:lnTo>
                <a:lnTo>
                  <a:pt x="5446" y="2714"/>
                </a:lnTo>
                <a:lnTo>
                  <a:pt x="5435" y="2723"/>
                </a:lnTo>
                <a:lnTo>
                  <a:pt x="5424" y="2731"/>
                </a:lnTo>
                <a:lnTo>
                  <a:pt x="5410" y="2739"/>
                </a:lnTo>
                <a:lnTo>
                  <a:pt x="5396" y="2746"/>
                </a:lnTo>
                <a:lnTo>
                  <a:pt x="5380" y="2754"/>
                </a:lnTo>
                <a:lnTo>
                  <a:pt x="5364" y="2760"/>
                </a:lnTo>
                <a:lnTo>
                  <a:pt x="5347" y="2766"/>
                </a:lnTo>
                <a:lnTo>
                  <a:pt x="5328" y="2771"/>
                </a:lnTo>
                <a:lnTo>
                  <a:pt x="5308" y="2775"/>
                </a:lnTo>
                <a:lnTo>
                  <a:pt x="5288" y="2780"/>
                </a:lnTo>
                <a:lnTo>
                  <a:pt x="5266" y="2783"/>
                </a:lnTo>
                <a:lnTo>
                  <a:pt x="5243" y="2785"/>
                </a:lnTo>
                <a:lnTo>
                  <a:pt x="5219" y="2786"/>
                </a:lnTo>
                <a:lnTo>
                  <a:pt x="5193" y="2786"/>
                </a:lnTo>
                <a:lnTo>
                  <a:pt x="4855" y="2786"/>
                </a:lnTo>
                <a:lnTo>
                  <a:pt x="4855" y="2288"/>
                </a:lnTo>
                <a:lnTo>
                  <a:pt x="5193" y="2288"/>
                </a:lnTo>
                <a:lnTo>
                  <a:pt x="5219" y="2288"/>
                </a:lnTo>
                <a:lnTo>
                  <a:pt x="5243" y="2289"/>
                </a:lnTo>
                <a:lnTo>
                  <a:pt x="5266" y="2291"/>
                </a:lnTo>
                <a:lnTo>
                  <a:pt x="5288" y="2295"/>
                </a:lnTo>
                <a:lnTo>
                  <a:pt x="5308" y="2298"/>
                </a:lnTo>
                <a:lnTo>
                  <a:pt x="5328" y="2301"/>
                </a:lnTo>
                <a:lnTo>
                  <a:pt x="5347" y="2306"/>
                </a:lnTo>
                <a:lnTo>
                  <a:pt x="5364" y="2310"/>
                </a:lnTo>
                <a:lnTo>
                  <a:pt x="5380" y="2316"/>
                </a:lnTo>
                <a:lnTo>
                  <a:pt x="5396" y="2323"/>
                </a:lnTo>
                <a:lnTo>
                  <a:pt x="5410" y="2329"/>
                </a:lnTo>
                <a:lnTo>
                  <a:pt x="5424" y="2336"/>
                </a:lnTo>
                <a:lnTo>
                  <a:pt x="5435" y="2343"/>
                </a:lnTo>
                <a:lnTo>
                  <a:pt x="5446" y="2350"/>
                </a:lnTo>
                <a:lnTo>
                  <a:pt x="5458" y="2359"/>
                </a:lnTo>
                <a:lnTo>
                  <a:pt x="5467" y="2367"/>
                </a:lnTo>
                <a:lnTo>
                  <a:pt x="5476" y="2376"/>
                </a:lnTo>
                <a:lnTo>
                  <a:pt x="5484" y="2385"/>
                </a:lnTo>
                <a:lnTo>
                  <a:pt x="5491" y="2394"/>
                </a:lnTo>
                <a:lnTo>
                  <a:pt x="5498" y="2404"/>
                </a:lnTo>
                <a:lnTo>
                  <a:pt x="5503" y="2414"/>
                </a:lnTo>
                <a:lnTo>
                  <a:pt x="5510" y="2424"/>
                </a:lnTo>
                <a:lnTo>
                  <a:pt x="5514" y="2433"/>
                </a:lnTo>
                <a:lnTo>
                  <a:pt x="5518" y="2444"/>
                </a:lnTo>
                <a:lnTo>
                  <a:pt x="5524" y="2464"/>
                </a:lnTo>
                <a:lnTo>
                  <a:pt x="5528" y="2484"/>
                </a:lnTo>
                <a:lnTo>
                  <a:pt x="5530" y="2505"/>
                </a:lnTo>
                <a:lnTo>
                  <a:pt x="5532" y="2525"/>
                </a:lnTo>
                <a:close/>
                <a:moveTo>
                  <a:pt x="5160" y="2021"/>
                </a:moveTo>
                <a:lnTo>
                  <a:pt x="4381" y="2021"/>
                </a:lnTo>
                <a:lnTo>
                  <a:pt x="4381" y="3623"/>
                </a:lnTo>
                <a:lnTo>
                  <a:pt x="4855" y="3623"/>
                </a:lnTo>
                <a:lnTo>
                  <a:pt x="4855" y="3055"/>
                </a:lnTo>
                <a:lnTo>
                  <a:pt x="5259" y="3055"/>
                </a:lnTo>
                <a:lnTo>
                  <a:pt x="5302" y="3054"/>
                </a:lnTo>
                <a:lnTo>
                  <a:pt x="5344" y="3052"/>
                </a:lnTo>
                <a:lnTo>
                  <a:pt x="5385" y="3049"/>
                </a:lnTo>
                <a:lnTo>
                  <a:pt x="5425" y="3045"/>
                </a:lnTo>
                <a:lnTo>
                  <a:pt x="5463" y="3040"/>
                </a:lnTo>
                <a:lnTo>
                  <a:pt x="5500" y="3032"/>
                </a:lnTo>
                <a:lnTo>
                  <a:pt x="5537" y="3024"/>
                </a:lnTo>
                <a:lnTo>
                  <a:pt x="5572" y="3015"/>
                </a:lnTo>
                <a:lnTo>
                  <a:pt x="5606" y="3004"/>
                </a:lnTo>
                <a:lnTo>
                  <a:pt x="5638" y="2994"/>
                </a:lnTo>
                <a:lnTo>
                  <a:pt x="5670" y="2982"/>
                </a:lnTo>
                <a:lnTo>
                  <a:pt x="5700" y="2968"/>
                </a:lnTo>
                <a:lnTo>
                  <a:pt x="5729" y="2954"/>
                </a:lnTo>
                <a:lnTo>
                  <a:pt x="5756" y="2938"/>
                </a:lnTo>
                <a:lnTo>
                  <a:pt x="5782" y="2922"/>
                </a:lnTo>
                <a:lnTo>
                  <a:pt x="5807" y="2905"/>
                </a:lnTo>
                <a:lnTo>
                  <a:pt x="5829" y="2886"/>
                </a:lnTo>
                <a:lnTo>
                  <a:pt x="5852" y="2868"/>
                </a:lnTo>
                <a:lnTo>
                  <a:pt x="5872" y="2848"/>
                </a:lnTo>
                <a:lnTo>
                  <a:pt x="5892" y="2827"/>
                </a:lnTo>
                <a:lnTo>
                  <a:pt x="5909" y="2806"/>
                </a:lnTo>
                <a:lnTo>
                  <a:pt x="5925" y="2785"/>
                </a:lnTo>
                <a:lnTo>
                  <a:pt x="5940" y="2762"/>
                </a:lnTo>
                <a:lnTo>
                  <a:pt x="5954" y="2738"/>
                </a:lnTo>
                <a:lnTo>
                  <a:pt x="5965" y="2714"/>
                </a:lnTo>
                <a:lnTo>
                  <a:pt x="5976" y="2690"/>
                </a:lnTo>
                <a:lnTo>
                  <a:pt x="5984" y="2665"/>
                </a:lnTo>
                <a:lnTo>
                  <a:pt x="5991" y="2639"/>
                </a:lnTo>
                <a:lnTo>
                  <a:pt x="5997" y="2613"/>
                </a:lnTo>
                <a:lnTo>
                  <a:pt x="6001" y="2586"/>
                </a:lnTo>
                <a:lnTo>
                  <a:pt x="6004" y="2559"/>
                </a:lnTo>
                <a:lnTo>
                  <a:pt x="6005" y="2531"/>
                </a:lnTo>
                <a:lnTo>
                  <a:pt x="6004" y="2501"/>
                </a:lnTo>
                <a:lnTo>
                  <a:pt x="6002" y="2471"/>
                </a:lnTo>
                <a:lnTo>
                  <a:pt x="5998" y="2443"/>
                </a:lnTo>
                <a:lnTo>
                  <a:pt x="5992" y="2415"/>
                </a:lnTo>
                <a:lnTo>
                  <a:pt x="5986" y="2388"/>
                </a:lnTo>
                <a:lnTo>
                  <a:pt x="5978" y="2362"/>
                </a:lnTo>
                <a:lnTo>
                  <a:pt x="5967" y="2336"/>
                </a:lnTo>
                <a:lnTo>
                  <a:pt x="5957" y="2312"/>
                </a:lnTo>
                <a:lnTo>
                  <a:pt x="5944" y="2288"/>
                </a:lnTo>
                <a:lnTo>
                  <a:pt x="5929" y="2267"/>
                </a:lnTo>
                <a:lnTo>
                  <a:pt x="5912" y="2245"/>
                </a:lnTo>
                <a:lnTo>
                  <a:pt x="5895" y="2224"/>
                </a:lnTo>
                <a:lnTo>
                  <a:pt x="5875" y="2205"/>
                </a:lnTo>
                <a:lnTo>
                  <a:pt x="5854" y="2187"/>
                </a:lnTo>
                <a:lnTo>
                  <a:pt x="5831" y="2169"/>
                </a:lnTo>
                <a:lnTo>
                  <a:pt x="5807" y="2153"/>
                </a:lnTo>
                <a:lnTo>
                  <a:pt x="5781" y="2136"/>
                </a:lnTo>
                <a:lnTo>
                  <a:pt x="5752" y="2121"/>
                </a:lnTo>
                <a:lnTo>
                  <a:pt x="5721" y="2108"/>
                </a:lnTo>
                <a:lnTo>
                  <a:pt x="5690" y="2096"/>
                </a:lnTo>
                <a:lnTo>
                  <a:pt x="5656" y="2083"/>
                </a:lnTo>
                <a:lnTo>
                  <a:pt x="5621" y="2073"/>
                </a:lnTo>
                <a:lnTo>
                  <a:pt x="5583" y="2063"/>
                </a:lnTo>
                <a:lnTo>
                  <a:pt x="5544" y="2054"/>
                </a:lnTo>
                <a:lnTo>
                  <a:pt x="5503" y="2047"/>
                </a:lnTo>
                <a:lnTo>
                  <a:pt x="5460" y="2040"/>
                </a:lnTo>
                <a:lnTo>
                  <a:pt x="5415" y="2034"/>
                </a:lnTo>
                <a:lnTo>
                  <a:pt x="5367" y="2029"/>
                </a:lnTo>
                <a:lnTo>
                  <a:pt x="5319" y="2026"/>
                </a:lnTo>
                <a:lnTo>
                  <a:pt x="5268" y="2023"/>
                </a:lnTo>
                <a:lnTo>
                  <a:pt x="5215" y="2021"/>
                </a:lnTo>
                <a:lnTo>
                  <a:pt x="5160" y="2021"/>
                </a:lnTo>
                <a:close/>
                <a:moveTo>
                  <a:pt x="16045" y="2357"/>
                </a:moveTo>
                <a:lnTo>
                  <a:pt x="16012" y="2358"/>
                </a:lnTo>
                <a:lnTo>
                  <a:pt x="15979" y="2360"/>
                </a:lnTo>
                <a:lnTo>
                  <a:pt x="15946" y="2364"/>
                </a:lnTo>
                <a:lnTo>
                  <a:pt x="15914" y="2368"/>
                </a:lnTo>
                <a:lnTo>
                  <a:pt x="15881" y="2374"/>
                </a:lnTo>
                <a:lnTo>
                  <a:pt x="15850" y="2383"/>
                </a:lnTo>
                <a:lnTo>
                  <a:pt x="15820" y="2391"/>
                </a:lnTo>
                <a:lnTo>
                  <a:pt x="15791" y="2400"/>
                </a:lnTo>
                <a:lnTo>
                  <a:pt x="15762" y="2412"/>
                </a:lnTo>
                <a:lnTo>
                  <a:pt x="15735" y="2423"/>
                </a:lnTo>
                <a:lnTo>
                  <a:pt x="15709" y="2437"/>
                </a:lnTo>
                <a:lnTo>
                  <a:pt x="15684" y="2450"/>
                </a:lnTo>
                <a:lnTo>
                  <a:pt x="15660" y="2464"/>
                </a:lnTo>
                <a:lnTo>
                  <a:pt x="15639" y="2479"/>
                </a:lnTo>
                <a:lnTo>
                  <a:pt x="15618" y="2496"/>
                </a:lnTo>
                <a:lnTo>
                  <a:pt x="15599" y="2512"/>
                </a:lnTo>
                <a:lnTo>
                  <a:pt x="15593" y="2512"/>
                </a:lnTo>
                <a:lnTo>
                  <a:pt x="15593" y="2383"/>
                </a:lnTo>
                <a:lnTo>
                  <a:pt x="15202" y="2383"/>
                </a:lnTo>
                <a:lnTo>
                  <a:pt x="15202" y="3623"/>
                </a:lnTo>
                <a:lnTo>
                  <a:pt x="15599" y="3623"/>
                </a:lnTo>
                <a:lnTo>
                  <a:pt x="15599" y="2774"/>
                </a:lnTo>
                <a:lnTo>
                  <a:pt x="15617" y="2755"/>
                </a:lnTo>
                <a:lnTo>
                  <a:pt x="15634" y="2737"/>
                </a:lnTo>
                <a:lnTo>
                  <a:pt x="15654" y="2720"/>
                </a:lnTo>
                <a:lnTo>
                  <a:pt x="15673" y="2706"/>
                </a:lnTo>
                <a:lnTo>
                  <a:pt x="15694" y="2692"/>
                </a:lnTo>
                <a:lnTo>
                  <a:pt x="15714" y="2681"/>
                </a:lnTo>
                <a:lnTo>
                  <a:pt x="15735" y="2670"/>
                </a:lnTo>
                <a:lnTo>
                  <a:pt x="15756" y="2660"/>
                </a:lnTo>
                <a:lnTo>
                  <a:pt x="15777" y="2653"/>
                </a:lnTo>
                <a:lnTo>
                  <a:pt x="15798" y="2646"/>
                </a:lnTo>
                <a:lnTo>
                  <a:pt x="15820" y="2641"/>
                </a:lnTo>
                <a:lnTo>
                  <a:pt x="15841" y="2635"/>
                </a:lnTo>
                <a:lnTo>
                  <a:pt x="15862" y="2632"/>
                </a:lnTo>
                <a:lnTo>
                  <a:pt x="15882" y="2630"/>
                </a:lnTo>
                <a:lnTo>
                  <a:pt x="15903" y="2629"/>
                </a:lnTo>
                <a:lnTo>
                  <a:pt x="15923" y="2628"/>
                </a:lnTo>
                <a:lnTo>
                  <a:pt x="15949" y="2629"/>
                </a:lnTo>
                <a:lnTo>
                  <a:pt x="15973" y="2630"/>
                </a:lnTo>
                <a:lnTo>
                  <a:pt x="15996" y="2633"/>
                </a:lnTo>
                <a:lnTo>
                  <a:pt x="16017" y="2637"/>
                </a:lnTo>
                <a:lnTo>
                  <a:pt x="16036" y="2642"/>
                </a:lnTo>
                <a:lnTo>
                  <a:pt x="16055" y="2647"/>
                </a:lnTo>
                <a:lnTo>
                  <a:pt x="16072" y="2653"/>
                </a:lnTo>
                <a:lnTo>
                  <a:pt x="16088" y="2660"/>
                </a:lnTo>
                <a:lnTo>
                  <a:pt x="16102" y="2669"/>
                </a:lnTo>
                <a:lnTo>
                  <a:pt x="16116" y="2678"/>
                </a:lnTo>
                <a:lnTo>
                  <a:pt x="16127" y="2687"/>
                </a:lnTo>
                <a:lnTo>
                  <a:pt x="16139" y="2699"/>
                </a:lnTo>
                <a:lnTo>
                  <a:pt x="16149" y="2710"/>
                </a:lnTo>
                <a:lnTo>
                  <a:pt x="16158" y="2723"/>
                </a:lnTo>
                <a:lnTo>
                  <a:pt x="16166" y="2735"/>
                </a:lnTo>
                <a:lnTo>
                  <a:pt x="16173" y="2748"/>
                </a:lnTo>
                <a:lnTo>
                  <a:pt x="16180" y="2763"/>
                </a:lnTo>
                <a:lnTo>
                  <a:pt x="16186" y="2779"/>
                </a:lnTo>
                <a:lnTo>
                  <a:pt x="16191" y="2794"/>
                </a:lnTo>
                <a:lnTo>
                  <a:pt x="16195" y="2811"/>
                </a:lnTo>
                <a:lnTo>
                  <a:pt x="16198" y="2827"/>
                </a:lnTo>
                <a:lnTo>
                  <a:pt x="16201" y="2845"/>
                </a:lnTo>
                <a:lnTo>
                  <a:pt x="16204" y="2862"/>
                </a:lnTo>
                <a:lnTo>
                  <a:pt x="16206" y="2881"/>
                </a:lnTo>
                <a:lnTo>
                  <a:pt x="16208" y="2920"/>
                </a:lnTo>
                <a:lnTo>
                  <a:pt x="16210" y="2961"/>
                </a:lnTo>
                <a:lnTo>
                  <a:pt x="16211" y="3003"/>
                </a:lnTo>
                <a:lnTo>
                  <a:pt x="16211" y="3047"/>
                </a:lnTo>
                <a:lnTo>
                  <a:pt x="16211" y="3623"/>
                </a:lnTo>
                <a:lnTo>
                  <a:pt x="16608" y="3623"/>
                </a:lnTo>
                <a:lnTo>
                  <a:pt x="16608" y="2917"/>
                </a:lnTo>
                <a:lnTo>
                  <a:pt x="16608" y="2891"/>
                </a:lnTo>
                <a:lnTo>
                  <a:pt x="16607" y="2867"/>
                </a:lnTo>
                <a:lnTo>
                  <a:pt x="16606" y="2841"/>
                </a:lnTo>
                <a:lnTo>
                  <a:pt x="16604" y="2815"/>
                </a:lnTo>
                <a:lnTo>
                  <a:pt x="16602" y="2790"/>
                </a:lnTo>
                <a:lnTo>
                  <a:pt x="16599" y="2764"/>
                </a:lnTo>
                <a:lnTo>
                  <a:pt x="16595" y="2739"/>
                </a:lnTo>
                <a:lnTo>
                  <a:pt x="16589" y="2714"/>
                </a:lnTo>
                <a:lnTo>
                  <a:pt x="16583" y="2690"/>
                </a:lnTo>
                <a:lnTo>
                  <a:pt x="16577" y="2667"/>
                </a:lnTo>
                <a:lnTo>
                  <a:pt x="16569" y="2643"/>
                </a:lnTo>
                <a:lnTo>
                  <a:pt x="16559" y="2620"/>
                </a:lnTo>
                <a:lnTo>
                  <a:pt x="16550" y="2597"/>
                </a:lnTo>
                <a:lnTo>
                  <a:pt x="16538" y="2575"/>
                </a:lnTo>
                <a:lnTo>
                  <a:pt x="16525" y="2555"/>
                </a:lnTo>
                <a:lnTo>
                  <a:pt x="16511" y="2535"/>
                </a:lnTo>
                <a:lnTo>
                  <a:pt x="16496" y="2515"/>
                </a:lnTo>
                <a:lnTo>
                  <a:pt x="16478" y="2497"/>
                </a:lnTo>
                <a:lnTo>
                  <a:pt x="16460" y="2479"/>
                </a:lnTo>
                <a:lnTo>
                  <a:pt x="16440" y="2462"/>
                </a:lnTo>
                <a:lnTo>
                  <a:pt x="16418" y="2447"/>
                </a:lnTo>
                <a:lnTo>
                  <a:pt x="16394" y="2432"/>
                </a:lnTo>
                <a:lnTo>
                  <a:pt x="16368" y="2419"/>
                </a:lnTo>
                <a:lnTo>
                  <a:pt x="16341" y="2406"/>
                </a:lnTo>
                <a:lnTo>
                  <a:pt x="16311" y="2395"/>
                </a:lnTo>
                <a:lnTo>
                  <a:pt x="16280" y="2386"/>
                </a:lnTo>
                <a:lnTo>
                  <a:pt x="16247" y="2377"/>
                </a:lnTo>
                <a:lnTo>
                  <a:pt x="16211" y="2370"/>
                </a:lnTo>
                <a:lnTo>
                  <a:pt x="16173" y="2364"/>
                </a:lnTo>
                <a:lnTo>
                  <a:pt x="16133" y="2360"/>
                </a:lnTo>
                <a:lnTo>
                  <a:pt x="16091" y="2358"/>
                </a:lnTo>
                <a:lnTo>
                  <a:pt x="16045" y="2357"/>
                </a:lnTo>
                <a:close/>
                <a:moveTo>
                  <a:pt x="7459" y="3161"/>
                </a:moveTo>
                <a:lnTo>
                  <a:pt x="7049" y="2021"/>
                </a:lnTo>
                <a:lnTo>
                  <a:pt x="6295" y="2021"/>
                </a:lnTo>
                <a:lnTo>
                  <a:pt x="6295" y="3623"/>
                </a:lnTo>
                <a:lnTo>
                  <a:pt x="6751" y="3623"/>
                </a:lnTo>
                <a:lnTo>
                  <a:pt x="6751" y="2355"/>
                </a:lnTo>
                <a:lnTo>
                  <a:pt x="6778" y="2355"/>
                </a:lnTo>
                <a:lnTo>
                  <a:pt x="7245" y="3623"/>
                </a:lnTo>
                <a:lnTo>
                  <a:pt x="7673" y="3623"/>
                </a:lnTo>
                <a:lnTo>
                  <a:pt x="8139" y="2355"/>
                </a:lnTo>
                <a:lnTo>
                  <a:pt x="8167" y="2355"/>
                </a:lnTo>
                <a:lnTo>
                  <a:pt x="8167" y="3623"/>
                </a:lnTo>
                <a:lnTo>
                  <a:pt x="8624" y="3623"/>
                </a:lnTo>
                <a:lnTo>
                  <a:pt x="8624" y="2021"/>
                </a:lnTo>
                <a:lnTo>
                  <a:pt x="7872" y="2021"/>
                </a:lnTo>
                <a:lnTo>
                  <a:pt x="7459" y="3161"/>
                </a:lnTo>
                <a:close/>
                <a:moveTo>
                  <a:pt x="10080" y="3001"/>
                </a:moveTo>
                <a:lnTo>
                  <a:pt x="10079" y="3024"/>
                </a:lnTo>
                <a:lnTo>
                  <a:pt x="10078" y="3046"/>
                </a:lnTo>
                <a:lnTo>
                  <a:pt x="10076" y="3068"/>
                </a:lnTo>
                <a:lnTo>
                  <a:pt x="10074" y="3088"/>
                </a:lnTo>
                <a:lnTo>
                  <a:pt x="10071" y="3109"/>
                </a:lnTo>
                <a:lnTo>
                  <a:pt x="10067" y="3130"/>
                </a:lnTo>
                <a:lnTo>
                  <a:pt x="10061" y="3149"/>
                </a:lnTo>
                <a:lnTo>
                  <a:pt x="10056" y="3167"/>
                </a:lnTo>
                <a:lnTo>
                  <a:pt x="10050" y="3186"/>
                </a:lnTo>
                <a:lnTo>
                  <a:pt x="10043" y="3203"/>
                </a:lnTo>
                <a:lnTo>
                  <a:pt x="10034" y="3221"/>
                </a:lnTo>
                <a:lnTo>
                  <a:pt x="10026" y="3238"/>
                </a:lnTo>
                <a:lnTo>
                  <a:pt x="10017" y="3253"/>
                </a:lnTo>
                <a:lnTo>
                  <a:pt x="10006" y="3268"/>
                </a:lnTo>
                <a:lnTo>
                  <a:pt x="9996" y="3282"/>
                </a:lnTo>
                <a:lnTo>
                  <a:pt x="9985" y="3297"/>
                </a:lnTo>
                <a:lnTo>
                  <a:pt x="9972" y="3309"/>
                </a:lnTo>
                <a:lnTo>
                  <a:pt x="9959" y="3322"/>
                </a:lnTo>
                <a:lnTo>
                  <a:pt x="9945" y="3333"/>
                </a:lnTo>
                <a:lnTo>
                  <a:pt x="9931" y="3344"/>
                </a:lnTo>
                <a:lnTo>
                  <a:pt x="9915" y="3355"/>
                </a:lnTo>
                <a:lnTo>
                  <a:pt x="9898" y="3363"/>
                </a:lnTo>
                <a:lnTo>
                  <a:pt x="9882" y="3372"/>
                </a:lnTo>
                <a:lnTo>
                  <a:pt x="9863" y="3380"/>
                </a:lnTo>
                <a:lnTo>
                  <a:pt x="9844" y="3387"/>
                </a:lnTo>
                <a:lnTo>
                  <a:pt x="9826" y="3392"/>
                </a:lnTo>
                <a:lnTo>
                  <a:pt x="9805" y="3397"/>
                </a:lnTo>
                <a:lnTo>
                  <a:pt x="9784" y="3401"/>
                </a:lnTo>
                <a:lnTo>
                  <a:pt x="9762" y="3404"/>
                </a:lnTo>
                <a:lnTo>
                  <a:pt x="9740" y="3408"/>
                </a:lnTo>
                <a:lnTo>
                  <a:pt x="9717" y="3409"/>
                </a:lnTo>
                <a:lnTo>
                  <a:pt x="9693" y="3410"/>
                </a:lnTo>
                <a:lnTo>
                  <a:pt x="9669" y="3409"/>
                </a:lnTo>
                <a:lnTo>
                  <a:pt x="9645" y="3408"/>
                </a:lnTo>
                <a:lnTo>
                  <a:pt x="9623" y="3404"/>
                </a:lnTo>
                <a:lnTo>
                  <a:pt x="9602" y="3401"/>
                </a:lnTo>
                <a:lnTo>
                  <a:pt x="9581" y="3397"/>
                </a:lnTo>
                <a:lnTo>
                  <a:pt x="9560" y="3392"/>
                </a:lnTo>
                <a:lnTo>
                  <a:pt x="9541" y="3387"/>
                </a:lnTo>
                <a:lnTo>
                  <a:pt x="9523" y="3380"/>
                </a:lnTo>
                <a:lnTo>
                  <a:pt x="9505" y="3372"/>
                </a:lnTo>
                <a:lnTo>
                  <a:pt x="9487" y="3363"/>
                </a:lnTo>
                <a:lnTo>
                  <a:pt x="9472" y="3355"/>
                </a:lnTo>
                <a:lnTo>
                  <a:pt x="9456" y="3344"/>
                </a:lnTo>
                <a:lnTo>
                  <a:pt x="9442" y="3333"/>
                </a:lnTo>
                <a:lnTo>
                  <a:pt x="9427" y="3322"/>
                </a:lnTo>
                <a:lnTo>
                  <a:pt x="9414" y="3309"/>
                </a:lnTo>
                <a:lnTo>
                  <a:pt x="9401" y="3297"/>
                </a:lnTo>
                <a:lnTo>
                  <a:pt x="9390" y="3282"/>
                </a:lnTo>
                <a:lnTo>
                  <a:pt x="9379" y="3268"/>
                </a:lnTo>
                <a:lnTo>
                  <a:pt x="9369" y="3253"/>
                </a:lnTo>
                <a:lnTo>
                  <a:pt x="9360" y="3238"/>
                </a:lnTo>
                <a:lnTo>
                  <a:pt x="9350" y="3221"/>
                </a:lnTo>
                <a:lnTo>
                  <a:pt x="9343" y="3203"/>
                </a:lnTo>
                <a:lnTo>
                  <a:pt x="9336" y="3186"/>
                </a:lnTo>
                <a:lnTo>
                  <a:pt x="9330" y="3167"/>
                </a:lnTo>
                <a:lnTo>
                  <a:pt x="9323" y="3149"/>
                </a:lnTo>
                <a:lnTo>
                  <a:pt x="9319" y="3130"/>
                </a:lnTo>
                <a:lnTo>
                  <a:pt x="9315" y="3109"/>
                </a:lnTo>
                <a:lnTo>
                  <a:pt x="9312" y="3088"/>
                </a:lnTo>
                <a:lnTo>
                  <a:pt x="9309" y="3068"/>
                </a:lnTo>
                <a:lnTo>
                  <a:pt x="9307" y="3046"/>
                </a:lnTo>
                <a:lnTo>
                  <a:pt x="9306" y="3024"/>
                </a:lnTo>
                <a:lnTo>
                  <a:pt x="9306" y="3001"/>
                </a:lnTo>
                <a:lnTo>
                  <a:pt x="9306" y="2980"/>
                </a:lnTo>
                <a:lnTo>
                  <a:pt x="9307" y="2958"/>
                </a:lnTo>
                <a:lnTo>
                  <a:pt x="9309" y="2936"/>
                </a:lnTo>
                <a:lnTo>
                  <a:pt x="9312" y="2914"/>
                </a:lnTo>
                <a:lnTo>
                  <a:pt x="9315" y="2895"/>
                </a:lnTo>
                <a:lnTo>
                  <a:pt x="9319" y="2874"/>
                </a:lnTo>
                <a:lnTo>
                  <a:pt x="9323" y="2855"/>
                </a:lnTo>
                <a:lnTo>
                  <a:pt x="9330" y="2836"/>
                </a:lnTo>
                <a:lnTo>
                  <a:pt x="9336" y="2818"/>
                </a:lnTo>
                <a:lnTo>
                  <a:pt x="9343" y="2800"/>
                </a:lnTo>
                <a:lnTo>
                  <a:pt x="9350" y="2783"/>
                </a:lnTo>
                <a:lnTo>
                  <a:pt x="9360" y="2766"/>
                </a:lnTo>
                <a:lnTo>
                  <a:pt x="9369" y="2751"/>
                </a:lnTo>
                <a:lnTo>
                  <a:pt x="9379" y="2735"/>
                </a:lnTo>
                <a:lnTo>
                  <a:pt x="9390" y="2720"/>
                </a:lnTo>
                <a:lnTo>
                  <a:pt x="9401" y="2707"/>
                </a:lnTo>
                <a:lnTo>
                  <a:pt x="9414" y="2694"/>
                </a:lnTo>
                <a:lnTo>
                  <a:pt x="9427" y="2681"/>
                </a:lnTo>
                <a:lnTo>
                  <a:pt x="9442" y="2670"/>
                </a:lnTo>
                <a:lnTo>
                  <a:pt x="9456" y="2659"/>
                </a:lnTo>
                <a:lnTo>
                  <a:pt x="9472" y="2649"/>
                </a:lnTo>
                <a:lnTo>
                  <a:pt x="9487" y="2640"/>
                </a:lnTo>
                <a:lnTo>
                  <a:pt x="9505" y="2631"/>
                </a:lnTo>
                <a:lnTo>
                  <a:pt x="9523" y="2623"/>
                </a:lnTo>
                <a:lnTo>
                  <a:pt x="9541" y="2617"/>
                </a:lnTo>
                <a:lnTo>
                  <a:pt x="9560" y="2611"/>
                </a:lnTo>
                <a:lnTo>
                  <a:pt x="9581" y="2605"/>
                </a:lnTo>
                <a:lnTo>
                  <a:pt x="9602" y="2601"/>
                </a:lnTo>
                <a:lnTo>
                  <a:pt x="9623" y="2598"/>
                </a:lnTo>
                <a:lnTo>
                  <a:pt x="9645" y="2595"/>
                </a:lnTo>
                <a:lnTo>
                  <a:pt x="9669" y="2594"/>
                </a:lnTo>
                <a:lnTo>
                  <a:pt x="9693" y="2593"/>
                </a:lnTo>
                <a:lnTo>
                  <a:pt x="9717" y="2594"/>
                </a:lnTo>
                <a:lnTo>
                  <a:pt x="9740" y="2595"/>
                </a:lnTo>
                <a:lnTo>
                  <a:pt x="9762" y="2598"/>
                </a:lnTo>
                <a:lnTo>
                  <a:pt x="9784" y="2601"/>
                </a:lnTo>
                <a:lnTo>
                  <a:pt x="9805" y="2605"/>
                </a:lnTo>
                <a:lnTo>
                  <a:pt x="9826" y="2611"/>
                </a:lnTo>
                <a:lnTo>
                  <a:pt x="9844" y="2617"/>
                </a:lnTo>
                <a:lnTo>
                  <a:pt x="9863" y="2623"/>
                </a:lnTo>
                <a:lnTo>
                  <a:pt x="9882" y="2631"/>
                </a:lnTo>
                <a:lnTo>
                  <a:pt x="9898" y="2640"/>
                </a:lnTo>
                <a:lnTo>
                  <a:pt x="9915" y="2649"/>
                </a:lnTo>
                <a:lnTo>
                  <a:pt x="9931" y="2659"/>
                </a:lnTo>
                <a:lnTo>
                  <a:pt x="9945" y="2670"/>
                </a:lnTo>
                <a:lnTo>
                  <a:pt x="9959" y="2681"/>
                </a:lnTo>
                <a:lnTo>
                  <a:pt x="9972" y="2694"/>
                </a:lnTo>
                <a:lnTo>
                  <a:pt x="9985" y="2707"/>
                </a:lnTo>
                <a:lnTo>
                  <a:pt x="9996" y="2720"/>
                </a:lnTo>
                <a:lnTo>
                  <a:pt x="10006" y="2735"/>
                </a:lnTo>
                <a:lnTo>
                  <a:pt x="10017" y="2751"/>
                </a:lnTo>
                <a:lnTo>
                  <a:pt x="10026" y="2766"/>
                </a:lnTo>
                <a:lnTo>
                  <a:pt x="10034" y="2783"/>
                </a:lnTo>
                <a:lnTo>
                  <a:pt x="10043" y="2800"/>
                </a:lnTo>
                <a:lnTo>
                  <a:pt x="10050" y="2818"/>
                </a:lnTo>
                <a:lnTo>
                  <a:pt x="10056" y="2836"/>
                </a:lnTo>
                <a:lnTo>
                  <a:pt x="10061" y="2855"/>
                </a:lnTo>
                <a:lnTo>
                  <a:pt x="10067" y="2874"/>
                </a:lnTo>
                <a:lnTo>
                  <a:pt x="10071" y="2895"/>
                </a:lnTo>
                <a:lnTo>
                  <a:pt x="10074" y="2914"/>
                </a:lnTo>
                <a:lnTo>
                  <a:pt x="10076" y="2936"/>
                </a:lnTo>
                <a:lnTo>
                  <a:pt x="10078" y="2958"/>
                </a:lnTo>
                <a:lnTo>
                  <a:pt x="10079" y="2980"/>
                </a:lnTo>
                <a:lnTo>
                  <a:pt x="10080" y="3001"/>
                </a:lnTo>
                <a:close/>
                <a:moveTo>
                  <a:pt x="10502" y="3001"/>
                </a:moveTo>
                <a:lnTo>
                  <a:pt x="10501" y="2961"/>
                </a:lnTo>
                <a:lnTo>
                  <a:pt x="10498" y="2922"/>
                </a:lnTo>
                <a:lnTo>
                  <a:pt x="10493" y="2883"/>
                </a:lnTo>
                <a:lnTo>
                  <a:pt x="10486" y="2847"/>
                </a:lnTo>
                <a:lnTo>
                  <a:pt x="10478" y="2812"/>
                </a:lnTo>
                <a:lnTo>
                  <a:pt x="10466" y="2777"/>
                </a:lnTo>
                <a:lnTo>
                  <a:pt x="10454" y="2744"/>
                </a:lnTo>
                <a:lnTo>
                  <a:pt x="10439" y="2713"/>
                </a:lnTo>
                <a:lnTo>
                  <a:pt x="10424" y="2682"/>
                </a:lnTo>
                <a:lnTo>
                  <a:pt x="10406" y="2653"/>
                </a:lnTo>
                <a:lnTo>
                  <a:pt x="10387" y="2626"/>
                </a:lnTo>
                <a:lnTo>
                  <a:pt x="10365" y="2599"/>
                </a:lnTo>
                <a:lnTo>
                  <a:pt x="10344" y="2574"/>
                </a:lnTo>
                <a:lnTo>
                  <a:pt x="10320" y="2551"/>
                </a:lnTo>
                <a:lnTo>
                  <a:pt x="10295" y="2528"/>
                </a:lnTo>
                <a:lnTo>
                  <a:pt x="10268" y="2506"/>
                </a:lnTo>
                <a:lnTo>
                  <a:pt x="10240" y="2486"/>
                </a:lnTo>
                <a:lnTo>
                  <a:pt x="10211" y="2468"/>
                </a:lnTo>
                <a:lnTo>
                  <a:pt x="10181" y="2450"/>
                </a:lnTo>
                <a:lnTo>
                  <a:pt x="10149" y="2434"/>
                </a:lnTo>
                <a:lnTo>
                  <a:pt x="10116" y="2420"/>
                </a:lnTo>
                <a:lnTo>
                  <a:pt x="10082" y="2406"/>
                </a:lnTo>
                <a:lnTo>
                  <a:pt x="10047" y="2394"/>
                </a:lnTo>
                <a:lnTo>
                  <a:pt x="10012" y="2383"/>
                </a:lnTo>
                <a:lnTo>
                  <a:pt x="9974" y="2373"/>
                </a:lnTo>
                <a:lnTo>
                  <a:pt x="9936" y="2365"/>
                </a:lnTo>
                <a:lnTo>
                  <a:pt x="9897" y="2358"/>
                </a:lnTo>
                <a:lnTo>
                  <a:pt x="9858" y="2352"/>
                </a:lnTo>
                <a:lnTo>
                  <a:pt x="9817" y="2347"/>
                </a:lnTo>
                <a:lnTo>
                  <a:pt x="9777" y="2344"/>
                </a:lnTo>
                <a:lnTo>
                  <a:pt x="9734" y="2342"/>
                </a:lnTo>
                <a:lnTo>
                  <a:pt x="9693" y="2341"/>
                </a:lnTo>
                <a:lnTo>
                  <a:pt x="9650" y="2342"/>
                </a:lnTo>
                <a:lnTo>
                  <a:pt x="9609" y="2344"/>
                </a:lnTo>
                <a:lnTo>
                  <a:pt x="9567" y="2347"/>
                </a:lnTo>
                <a:lnTo>
                  <a:pt x="9528" y="2352"/>
                </a:lnTo>
                <a:lnTo>
                  <a:pt x="9488" y="2358"/>
                </a:lnTo>
                <a:lnTo>
                  <a:pt x="9449" y="2365"/>
                </a:lnTo>
                <a:lnTo>
                  <a:pt x="9412" y="2373"/>
                </a:lnTo>
                <a:lnTo>
                  <a:pt x="9375" y="2383"/>
                </a:lnTo>
                <a:lnTo>
                  <a:pt x="9339" y="2394"/>
                </a:lnTo>
                <a:lnTo>
                  <a:pt x="9304" y="2406"/>
                </a:lnTo>
                <a:lnTo>
                  <a:pt x="9270" y="2420"/>
                </a:lnTo>
                <a:lnTo>
                  <a:pt x="9237" y="2434"/>
                </a:lnTo>
                <a:lnTo>
                  <a:pt x="9206" y="2450"/>
                </a:lnTo>
                <a:lnTo>
                  <a:pt x="9175" y="2468"/>
                </a:lnTo>
                <a:lnTo>
                  <a:pt x="9146" y="2486"/>
                </a:lnTo>
                <a:lnTo>
                  <a:pt x="9118" y="2506"/>
                </a:lnTo>
                <a:lnTo>
                  <a:pt x="9092" y="2528"/>
                </a:lnTo>
                <a:lnTo>
                  <a:pt x="9066" y="2551"/>
                </a:lnTo>
                <a:lnTo>
                  <a:pt x="9042" y="2574"/>
                </a:lnTo>
                <a:lnTo>
                  <a:pt x="9020" y="2599"/>
                </a:lnTo>
                <a:lnTo>
                  <a:pt x="8999" y="2626"/>
                </a:lnTo>
                <a:lnTo>
                  <a:pt x="8980" y="2653"/>
                </a:lnTo>
                <a:lnTo>
                  <a:pt x="8962" y="2682"/>
                </a:lnTo>
                <a:lnTo>
                  <a:pt x="8947" y="2713"/>
                </a:lnTo>
                <a:lnTo>
                  <a:pt x="8932" y="2744"/>
                </a:lnTo>
                <a:lnTo>
                  <a:pt x="8920" y="2777"/>
                </a:lnTo>
                <a:lnTo>
                  <a:pt x="8909" y="2812"/>
                </a:lnTo>
                <a:lnTo>
                  <a:pt x="8900" y="2847"/>
                </a:lnTo>
                <a:lnTo>
                  <a:pt x="8893" y="2883"/>
                </a:lnTo>
                <a:lnTo>
                  <a:pt x="8887" y="2922"/>
                </a:lnTo>
                <a:lnTo>
                  <a:pt x="8884" y="2961"/>
                </a:lnTo>
                <a:lnTo>
                  <a:pt x="8883" y="3001"/>
                </a:lnTo>
                <a:lnTo>
                  <a:pt x="8884" y="3043"/>
                </a:lnTo>
                <a:lnTo>
                  <a:pt x="8887" y="3082"/>
                </a:lnTo>
                <a:lnTo>
                  <a:pt x="8893" y="3119"/>
                </a:lnTo>
                <a:lnTo>
                  <a:pt x="8900" y="3157"/>
                </a:lnTo>
                <a:lnTo>
                  <a:pt x="8909" y="3192"/>
                </a:lnTo>
                <a:lnTo>
                  <a:pt x="8920" y="3226"/>
                </a:lnTo>
                <a:lnTo>
                  <a:pt x="8932" y="3259"/>
                </a:lnTo>
                <a:lnTo>
                  <a:pt x="8947" y="3290"/>
                </a:lnTo>
                <a:lnTo>
                  <a:pt x="8962" y="3321"/>
                </a:lnTo>
                <a:lnTo>
                  <a:pt x="8980" y="3350"/>
                </a:lnTo>
                <a:lnTo>
                  <a:pt x="8999" y="3378"/>
                </a:lnTo>
                <a:lnTo>
                  <a:pt x="9020" y="3403"/>
                </a:lnTo>
                <a:lnTo>
                  <a:pt x="9042" y="3429"/>
                </a:lnTo>
                <a:lnTo>
                  <a:pt x="9066" y="3453"/>
                </a:lnTo>
                <a:lnTo>
                  <a:pt x="9092" y="3476"/>
                </a:lnTo>
                <a:lnTo>
                  <a:pt x="9118" y="3497"/>
                </a:lnTo>
                <a:lnTo>
                  <a:pt x="9146" y="3516"/>
                </a:lnTo>
                <a:lnTo>
                  <a:pt x="9175" y="3535"/>
                </a:lnTo>
                <a:lnTo>
                  <a:pt x="9206" y="3553"/>
                </a:lnTo>
                <a:lnTo>
                  <a:pt x="9237" y="3569"/>
                </a:lnTo>
                <a:lnTo>
                  <a:pt x="9270" y="3584"/>
                </a:lnTo>
                <a:lnTo>
                  <a:pt x="9304" y="3597"/>
                </a:lnTo>
                <a:lnTo>
                  <a:pt x="9339" y="3610"/>
                </a:lnTo>
                <a:lnTo>
                  <a:pt x="9375" y="3621"/>
                </a:lnTo>
                <a:lnTo>
                  <a:pt x="9412" y="3630"/>
                </a:lnTo>
                <a:lnTo>
                  <a:pt x="9449" y="3639"/>
                </a:lnTo>
                <a:lnTo>
                  <a:pt x="9488" y="3646"/>
                </a:lnTo>
                <a:lnTo>
                  <a:pt x="9528" y="3651"/>
                </a:lnTo>
                <a:lnTo>
                  <a:pt x="9567" y="3656"/>
                </a:lnTo>
                <a:lnTo>
                  <a:pt x="9609" y="3659"/>
                </a:lnTo>
                <a:lnTo>
                  <a:pt x="9650" y="3662"/>
                </a:lnTo>
                <a:lnTo>
                  <a:pt x="9693" y="3662"/>
                </a:lnTo>
                <a:lnTo>
                  <a:pt x="9734" y="3662"/>
                </a:lnTo>
                <a:lnTo>
                  <a:pt x="9777" y="3659"/>
                </a:lnTo>
                <a:lnTo>
                  <a:pt x="9817" y="3656"/>
                </a:lnTo>
                <a:lnTo>
                  <a:pt x="9858" y="3651"/>
                </a:lnTo>
                <a:lnTo>
                  <a:pt x="9897" y="3646"/>
                </a:lnTo>
                <a:lnTo>
                  <a:pt x="9936" y="3639"/>
                </a:lnTo>
                <a:lnTo>
                  <a:pt x="9974" y="3630"/>
                </a:lnTo>
                <a:lnTo>
                  <a:pt x="10012" y="3621"/>
                </a:lnTo>
                <a:lnTo>
                  <a:pt x="10047" y="3610"/>
                </a:lnTo>
                <a:lnTo>
                  <a:pt x="10082" y="3597"/>
                </a:lnTo>
                <a:lnTo>
                  <a:pt x="10116" y="3584"/>
                </a:lnTo>
                <a:lnTo>
                  <a:pt x="10149" y="3569"/>
                </a:lnTo>
                <a:lnTo>
                  <a:pt x="10181" y="3553"/>
                </a:lnTo>
                <a:lnTo>
                  <a:pt x="10211" y="3535"/>
                </a:lnTo>
                <a:lnTo>
                  <a:pt x="10240" y="3516"/>
                </a:lnTo>
                <a:lnTo>
                  <a:pt x="10268" y="3497"/>
                </a:lnTo>
                <a:lnTo>
                  <a:pt x="10295" y="3476"/>
                </a:lnTo>
                <a:lnTo>
                  <a:pt x="10320" y="3453"/>
                </a:lnTo>
                <a:lnTo>
                  <a:pt x="10344" y="3429"/>
                </a:lnTo>
                <a:lnTo>
                  <a:pt x="10365" y="3403"/>
                </a:lnTo>
                <a:lnTo>
                  <a:pt x="10387" y="3378"/>
                </a:lnTo>
                <a:lnTo>
                  <a:pt x="10406" y="3350"/>
                </a:lnTo>
                <a:lnTo>
                  <a:pt x="10424" y="3321"/>
                </a:lnTo>
                <a:lnTo>
                  <a:pt x="10439" y="3290"/>
                </a:lnTo>
                <a:lnTo>
                  <a:pt x="10454" y="3259"/>
                </a:lnTo>
                <a:lnTo>
                  <a:pt x="10466" y="3226"/>
                </a:lnTo>
                <a:lnTo>
                  <a:pt x="10478" y="3192"/>
                </a:lnTo>
                <a:lnTo>
                  <a:pt x="10486" y="3157"/>
                </a:lnTo>
                <a:lnTo>
                  <a:pt x="10493" y="3119"/>
                </a:lnTo>
                <a:lnTo>
                  <a:pt x="10498" y="3082"/>
                </a:lnTo>
                <a:lnTo>
                  <a:pt x="10501" y="3043"/>
                </a:lnTo>
                <a:lnTo>
                  <a:pt x="10502" y="3001"/>
                </a:lnTo>
                <a:close/>
                <a:moveTo>
                  <a:pt x="12895" y="2383"/>
                </a:moveTo>
                <a:lnTo>
                  <a:pt x="12895" y="2502"/>
                </a:lnTo>
                <a:lnTo>
                  <a:pt x="12890" y="2502"/>
                </a:lnTo>
                <a:lnTo>
                  <a:pt x="12873" y="2486"/>
                </a:lnTo>
                <a:lnTo>
                  <a:pt x="12856" y="2472"/>
                </a:lnTo>
                <a:lnTo>
                  <a:pt x="12836" y="2457"/>
                </a:lnTo>
                <a:lnTo>
                  <a:pt x="12816" y="2444"/>
                </a:lnTo>
                <a:lnTo>
                  <a:pt x="12793" y="2430"/>
                </a:lnTo>
                <a:lnTo>
                  <a:pt x="12771" y="2419"/>
                </a:lnTo>
                <a:lnTo>
                  <a:pt x="12746" y="2407"/>
                </a:lnTo>
                <a:lnTo>
                  <a:pt x="12719" y="2397"/>
                </a:lnTo>
                <a:lnTo>
                  <a:pt x="12690" y="2389"/>
                </a:lnTo>
                <a:lnTo>
                  <a:pt x="12659" y="2381"/>
                </a:lnTo>
                <a:lnTo>
                  <a:pt x="12627" y="2373"/>
                </a:lnTo>
                <a:lnTo>
                  <a:pt x="12593" y="2368"/>
                </a:lnTo>
                <a:lnTo>
                  <a:pt x="12557" y="2363"/>
                </a:lnTo>
                <a:lnTo>
                  <a:pt x="12517" y="2360"/>
                </a:lnTo>
                <a:lnTo>
                  <a:pt x="12477" y="2358"/>
                </a:lnTo>
                <a:lnTo>
                  <a:pt x="12434" y="2357"/>
                </a:lnTo>
                <a:lnTo>
                  <a:pt x="12392" y="2358"/>
                </a:lnTo>
                <a:lnTo>
                  <a:pt x="12350" y="2361"/>
                </a:lnTo>
                <a:lnTo>
                  <a:pt x="12311" y="2366"/>
                </a:lnTo>
                <a:lnTo>
                  <a:pt x="12273" y="2372"/>
                </a:lnTo>
                <a:lnTo>
                  <a:pt x="12237" y="2381"/>
                </a:lnTo>
                <a:lnTo>
                  <a:pt x="12202" y="2390"/>
                </a:lnTo>
                <a:lnTo>
                  <a:pt x="12168" y="2401"/>
                </a:lnTo>
                <a:lnTo>
                  <a:pt x="12136" y="2414"/>
                </a:lnTo>
                <a:lnTo>
                  <a:pt x="12105" y="2428"/>
                </a:lnTo>
                <a:lnTo>
                  <a:pt x="12076" y="2444"/>
                </a:lnTo>
                <a:lnTo>
                  <a:pt x="12049" y="2461"/>
                </a:lnTo>
                <a:lnTo>
                  <a:pt x="12022" y="2479"/>
                </a:lnTo>
                <a:lnTo>
                  <a:pt x="11997" y="2499"/>
                </a:lnTo>
                <a:lnTo>
                  <a:pt x="11974" y="2518"/>
                </a:lnTo>
                <a:lnTo>
                  <a:pt x="11952" y="2540"/>
                </a:lnTo>
                <a:lnTo>
                  <a:pt x="11931" y="2563"/>
                </a:lnTo>
                <a:lnTo>
                  <a:pt x="11911" y="2586"/>
                </a:lnTo>
                <a:lnTo>
                  <a:pt x="11893" y="2610"/>
                </a:lnTo>
                <a:lnTo>
                  <a:pt x="11877" y="2634"/>
                </a:lnTo>
                <a:lnTo>
                  <a:pt x="11861" y="2660"/>
                </a:lnTo>
                <a:lnTo>
                  <a:pt x="11847" y="2686"/>
                </a:lnTo>
                <a:lnTo>
                  <a:pt x="11834" y="2713"/>
                </a:lnTo>
                <a:lnTo>
                  <a:pt x="11822" y="2740"/>
                </a:lnTo>
                <a:lnTo>
                  <a:pt x="11811" y="2768"/>
                </a:lnTo>
                <a:lnTo>
                  <a:pt x="11803" y="2796"/>
                </a:lnTo>
                <a:lnTo>
                  <a:pt x="11795" y="2824"/>
                </a:lnTo>
                <a:lnTo>
                  <a:pt x="11789" y="2852"/>
                </a:lnTo>
                <a:lnTo>
                  <a:pt x="11783" y="2881"/>
                </a:lnTo>
                <a:lnTo>
                  <a:pt x="11779" y="2909"/>
                </a:lnTo>
                <a:lnTo>
                  <a:pt x="11776" y="2938"/>
                </a:lnTo>
                <a:lnTo>
                  <a:pt x="11774" y="2967"/>
                </a:lnTo>
                <a:lnTo>
                  <a:pt x="11773" y="2995"/>
                </a:lnTo>
                <a:lnTo>
                  <a:pt x="11774" y="3028"/>
                </a:lnTo>
                <a:lnTo>
                  <a:pt x="11776" y="3061"/>
                </a:lnTo>
                <a:lnTo>
                  <a:pt x="11779" y="3094"/>
                </a:lnTo>
                <a:lnTo>
                  <a:pt x="11783" y="3125"/>
                </a:lnTo>
                <a:lnTo>
                  <a:pt x="11789" y="3156"/>
                </a:lnTo>
                <a:lnTo>
                  <a:pt x="11795" y="3186"/>
                </a:lnTo>
                <a:lnTo>
                  <a:pt x="11803" y="3215"/>
                </a:lnTo>
                <a:lnTo>
                  <a:pt x="11812" y="3244"/>
                </a:lnTo>
                <a:lnTo>
                  <a:pt x="11823" y="3272"/>
                </a:lnTo>
                <a:lnTo>
                  <a:pt x="11834" y="3299"/>
                </a:lnTo>
                <a:lnTo>
                  <a:pt x="11847" y="3326"/>
                </a:lnTo>
                <a:lnTo>
                  <a:pt x="11861" y="3352"/>
                </a:lnTo>
                <a:lnTo>
                  <a:pt x="11877" y="3375"/>
                </a:lnTo>
                <a:lnTo>
                  <a:pt x="11893" y="3399"/>
                </a:lnTo>
                <a:lnTo>
                  <a:pt x="11911" y="3422"/>
                </a:lnTo>
                <a:lnTo>
                  <a:pt x="11930" y="3444"/>
                </a:lnTo>
                <a:lnTo>
                  <a:pt x="11950" y="3465"/>
                </a:lnTo>
                <a:lnTo>
                  <a:pt x="11971" y="3484"/>
                </a:lnTo>
                <a:lnTo>
                  <a:pt x="11994" y="3504"/>
                </a:lnTo>
                <a:lnTo>
                  <a:pt x="12019" y="3521"/>
                </a:lnTo>
                <a:lnTo>
                  <a:pt x="12044" y="3537"/>
                </a:lnTo>
                <a:lnTo>
                  <a:pt x="12071" y="3553"/>
                </a:lnTo>
                <a:lnTo>
                  <a:pt x="12098" y="3567"/>
                </a:lnTo>
                <a:lnTo>
                  <a:pt x="12127" y="3580"/>
                </a:lnTo>
                <a:lnTo>
                  <a:pt x="12158" y="3592"/>
                </a:lnTo>
                <a:lnTo>
                  <a:pt x="12189" y="3602"/>
                </a:lnTo>
                <a:lnTo>
                  <a:pt x="12222" y="3612"/>
                </a:lnTo>
                <a:lnTo>
                  <a:pt x="12257" y="3619"/>
                </a:lnTo>
                <a:lnTo>
                  <a:pt x="12292" y="3625"/>
                </a:lnTo>
                <a:lnTo>
                  <a:pt x="12328" y="3630"/>
                </a:lnTo>
                <a:lnTo>
                  <a:pt x="12367" y="3634"/>
                </a:lnTo>
                <a:lnTo>
                  <a:pt x="12406" y="3636"/>
                </a:lnTo>
                <a:lnTo>
                  <a:pt x="12427" y="3637"/>
                </a:lnTo>
                <a:lnTo>
                  <a:pt x="12447" y="3637"/>
                </a:lnTo>
                <a:lnTo>
                  <a:pt x="12466" y="3636"/>
                </a:lnTo>
                <a:lnTo>
                  <a:pt x="12486" y="3635"/>
                </a:lnTo>
                <a:lnTo>
                  <a:pt x="12523" y="3630"/>
                </a:lnTo>
                <a:lnTo>
                  <a:pt x="12560" y="3625"/>
                </a:lnTo>
                <a:lnTo>
                  <a:pt x="12595" y="3618"/>
                </a:lnTo>
                <a:lnTo>
                  <a:pt x="12628" y="3609"/>
                </a:lnTo>
                <a:lnTo>
                  <a:pt x="12660" y="3598"/>
                </a:lnTo>
                <a:lnTo>
                  <a:pt x="12692" y="3587"/>
                </a:lnTo>
                <a:lnTo>
                  <a:pt x="12721" y="3574"/>
                </a:lnTo>
                <a:lnTo>
                  <a:pt x="12748" y="3561"/>
                </a:lnTo>
                <a:lnTo>
                  <a:pt x="12773" y="3548"/>
                </a:lnTo>
                <a:lnTo>
                  <a:pt x="12796" y="3533"/>
                </a:lnTo>
                <a:lnTo>
                  <a:pt x="12818" y="3518"/>
                </a:lnTo>
                <a:lnTo>
                  <a:pt x="12838" y="3504"/>
                </a:lnTo>
                <a:lnTo>
                  <a:pt x="12856" y="3489"/>
                </a:lnTo>
                <a:lnTo>
                  <a:pt x="12872" y="3475"/>
                </a:lnTo>
                <a:lnTo>
                  <a:pt x="12877" y="3475"/>
                </a:lnTo>
                <a:lnTo>
                  <a:pt x="12877" y="3476"/>
                </a:lnTo>
                <a:lnTo>
                  <a:pt x="12877" y="3479"/>
                </a:lnTo>
                <a:lnTo>
                  <a:pt x="12877" y="3484"/>
                </a:lnTo>
                <a:lnTo>
                  <a:pt x="12877" y="3491"/>
                </a:lnTo>
                <a:lnTo>
                  <a:pt x="12877" y="3499"/>
                </a:lnTo>
                <a:lnTo>
                  <a:pt x="12877" y="3507"/>
                </a:lnTo>
                <a:lnTo>
                  <a:pt x="12877" y="3517"/>
                </a:lnTo>
                <a:lnTo>
                  <a:pt x="12877" y="3527"/>
                </a:lnTo>
                <a:lnTo>
                  <a:pt x="12876" y="3562"/>
                </a:lnTo>
                <a:lnTo>
                  <a:pt x="12873" y="3597"/>
                </a:lnTo>
                <a:lnTo>
                  <a:pt x="12871" y="3615"/>
                </a:lnTo>
                <a:lnTo>
                  <a:pt x="12868" y="3632"/>
                </a:lnTo>
                <a:lnTo>
                  <a:pt x="12864" y="3649"/>
                </a:lnTo>
                <a:lnTo>
                  <a:pt x="12860" y="3667"/>
                </a:lnTo>
                <a:lnTo>
                  <a:pt x="12855" y="3683"/>
                </a:lnTo>
                <a:lnTo>
                  <a:pt x="12848" y="3699"/>
                </a:lnTo>
                <a:lnTo>
                  <a:pt x="12841" y="3714"/>
                </a:lnTo>
                <a:lnTo>
                  <a:pt x="12834" y="3730"/>
                </a:lnTo>
                <a:lnTo>
                  <a:pt x="12824" y="3745"/>
                </a:lnTo>
                <a:lnTo>
                  <a:pt x="12815" y="3760"/>
                </a:lnTo>
                <a:lnTo>
                  <a:pt x="12804" y="3773"/>
                </a:lnTo>
                <a:lnTo>
                  <a:pt x="12791" y="3787"/>
                </a:lnTo>
                <a:lnTo>
                  <a:pt x="12779" y="3800"/>
                </a:lnTo>
                <a:lnTo>
                  <a:pt x="12764" y="3813"/>
                </a:lnTo>
                <a:lnTo>
                  <a:pt x="12749" y="3824"/>
                </a:lnTo>
                <a:lnTo>
                  <a:pt x="12732" y="3835"/>
                </a:lnTo>
                <a:lnTo>
                  <a:pt x="12713" y="3846"/>
                </a:lnTo>
                <a:lnTo>
                  <a:pt x="12694" y="3855"/>
                </a:lnTo>
                <a:lnTo>
                  <a:pt x="12673" y="3864"/>
                </a:lnTo>
                <a:lnTo>
                  <a:pt x="12651" y="3872"/>
                </a:lnTo>
                <a:lnTo>
                  <a:pt x="12627" y="3879"/>
                </a:lnTo>
                <a:lnTo>
                  <a:pt x="12601" y="3885"/>
                </a:lnTo>
                <a:lnTo>
                  <a:pt x="12574" y="3892"/>
                </a:lnTo>
                <a:lnTo>
                  <a:pt x="12546" y="3896"/>
                </a:lnTo>
                <a:lnTo>
                  <a:pt x="12515" y="3899"/>
                </a:lnTo>
                <a:lnTo>
                  <a:pt x="12484" y="3902"/>
                </a:lnTo>
                <a:lnTo>
                  <a:pt x="12450" y="3904"/>
                </a:lnTo>
                <a:lnTo>
                  <a:pt x="12414" y="3904"/>
                </a:lnTo>
                <a:lnTo>
                  <a:pt x="12385" y="3904"/>
                </a:lnTo>
                <a:lnTo>
                  <a:pt x="12355" y="3903"/>
                </a:lnTo>
                <a:lnTo>
                  <a:pt x="12325" y="3901"/>
                </a:lnTo>
                <a:lnTo>
                  <a:pt x="12295" y="3899"/>
                </a:lnTo>
                <a:lnTo>
                  <a:pt x="12264" y="3896"/>
                </a:lnTo>
                <a:lnTo>
                  <a:pt x="12233" y="3892"/>
                </a:lnTo>
                <a:lnTo>
                  <a:pt x="12202" y="3886"/>
                </a:lnTo>
                <a:lnTo>
                  <a:pt x="12171" y="3881"/>
                </a:lnTo>
                <a:lnTo>
                  <a:pt x="12139" y="3875"/>
                </a:lnTo>
                <a:lnTo>
                  <a:pt x="12108" y="3867"/>
                </a:lnTo>
                <a:lnTo>
                  <a:pt x="12076" y="3858"/>
                </a:lnTo>
                <a:lnTo>
                  <a:pt x="12045" y="3849"/>
                </a:lnTo>
                <a:lnTo>
                  <a:pt x="12014" y="3838"/>
                </a:lnTo>
                <a:lnTo>
                  <a:pt x="11983" y="3826"/>
                </a:lnTo>
                <a:lnTo>
                  <a:pt x="11952" y="3813"/>
                </a:lnTo>
                <a:lnTo>
                  <a:pt x="11920" y="3798"/>
                </a:lnTo>
                <a:lnTo>
                  <a:pt x="11920" y="4085"/>
                </a:lnTo>
                <a:lnTo>
                  <a:pt x="11950" y="4096"/>
                </a:lnTo>
                <a:lnTo>
                  <a:pt x="11982" y="4104"/>
                </a:lnTo>
                <a:lnTo>
                  <a:pt x="12013" y="4112"/>
                </a:lnTo>
                <a:lnTo>
                  <a:pt x="12045" y="4120"/>
                </a:lnTo>
                <a:lnTo>
                  <a:pt x="12077" y="4127"/>
                </a:lnTo>
                <a:lnTo>
                  <a:pt x="12110" y="4133"/>
                </a:lnTo>
                <a:lnTo>
                  <a:pt x="12145" y="4138"/>
                </a:lnTo>
                <a:lnTo>
                  <a:pt x="12178" y="4143"/>
                </a:lnTo>
                <a:lnTo>
                  <a:pt x="12213" y="4148"/>
                </a:lnTo>
                <a:lnTo>
                  <a:pt x="12248" y="4151"/>
                </a:lnTo>
                <a:lnTo>
                  <a:pt x="12284" y="4154"/>
                </a:lnTo>
                <a:lnTo>
                  <a:pt x="12320" y="4156"/>
                </a:lnTo>
                <a:lnTo>
                  <a:pt x="12357" y="4158"/>
                </a:lnTo>
                <a:lnTo>
                  <a:pt x="12396" y="4159"/>
                </a:lnTo>
                <a:lnTo>
                  <a:pt x="12434" y="4160"/>
                </a:lnTo>
                <a:lnTo>
                  <a:pt x="12473" y="4160"/>
                </a:lnTo>
                <a:lnTo>
                  <a:pt x="12532" y="4159"/>
                </a:lnTo>
                <a:lnTo>
                  <a:pt x="12588" y="4156"/>
                </a:lnTo>
                <a:lnTo>
                  <a:pt x="12642" y="4151"/>
                </a:lnTo>
                <a:lnTo>
                  <a:pt x="12693" y="4144"/>
                </a:lnTo>
                <a:lnTo>
                  <a:pt x="12740" y="4136"/>
                </a:lnTo>
                <a:lnTo>
                  <a:pt x="12786" y="4126"/>
                </a:lnTo>
                <a:lnTo>
                  <a:pt x="12830" y="4113"/>
                </a:lnTo>
                <a:lnTo>
                  <a:pt x="12870" y="4100"/>
                </a:lnTo>
                <a:lnTo>
                  <a:pt x="12908" y="4085"/>
                </a:lnTo>
                <a:lnTo>
                  <a:pt x="12944" y="4069"/>
                </a:lnTo>
                <a:lnTo>
                  <a:pt x="12977" y="4051"/>
                </a:lnTo>
                <a:lnTo>
                  <a:pt x="13009" y="4031"/>
                </a:lnTo>
                <a:lnTo>
                  <a:pt x="13038" y="4012"/>
                </a:lnTo>
                <a:lnTo>
                  <a:pt x="13065" y="3990"/>
                </a:lnTo>
                <a:lnTo>
                  <a:pt x="13090" y="3967"/>
                </a:lnTo>
                <a:lnTo>
                  <a:pt x="13114" y="3943"/>
                </a:lnTo>
                <a:lnTo>
                  <a:pt x="13135" y="3919"/>
                </a:lnTo>
                <a:lnTo>
                  <a:pt x="13155" y="3893"/>
                </a:lnTo>
                <a:lnTo>
                  <a:pt x="13172" y="3867"/>
                </a:lnTo>
                <a:lnTo>
                  <a:pt x="13188" y="3840"/>
                </a:lnTo>
                <a:lnTo>
                  <a:pt x="13202" y="3812"/>
                </a:lnTo>
                <a:lnTo>
                  <a:pt x="13216" y="3783"/>
                </a:lnTo>
                <a:lnTo>
                  <a:pt x="13226" y="3754"/>
                </a:lnTo>
                <a:lnTo>
                  <a:pt x="13237" y="3724"/>
                </a:lnTo>
                <a:lnTo>
                  <a:pt x="13245" y="3694"/>
                </a:lnTo>
                <a:lnTo>
                  <a:pt x="13252" y="3664"/>
                </a:lnTo>
                <a:lnTo>
                  <a:pt x="13257" y="3632"/>
                </a:lnTo>
                <a:lnTo>
                  <a:pt x="13263" y="3601"/>
                </a:lnTo>
                <a:lnTo>
                  <a:pt x="13266" y="3570"/>
                </a:lnTo>
                <a:lnTo>
                  <a:pt x="13269" y="3539"/>
                </a:lnTo>
                <a:lnTo>
                  <a:pt x="13270" y="3508"/>
                </a:lnTo>
                <a:lnTo>
                  <a:pt x="13271" y="3476"/>
                </a:lnTo>
                <a:lnTo>
                  <a:pt x="13271" y="2383"/>
                </a:lnTo>
                <a:lnTo>
                  <a:pt x="12895" y="2383"/>
                </a:lnTo>
                <a:close/>
                <a:moveTo>
                  <a:pt x="12528" y="3373"/>
                </a:moveTo>
                <a:lnTo>
                  <a:pt x="12506" y="3373"/>
                </a:lnTo>
                <a:lnTo>
                  <a:pt x="12485" y="3371"/>
                </a:lnTo>
                <a:lnTo>
                  <a:pt x="12465" y="3369"/>
                </a:lnTo>
                <a:lnTo>
                  <a:pt x="12447" y="3365"/>
                </a:lnTo>
                <a:lnTo>
                  <a:pt x="12428" y="3361"/>
                </a:lnTo>
                <a:lnTo>
                  <a:pt x="12410" y="3356"/>
                </a:lnTo>
                <a:lnTo>
                  <a:pt x="12393" y="3350"/>
                </a:lnTo>
                <a:lnTo>
                  <a:pt x="12377" y="3342"/>
                </a:lnTo>
                <a:lnTo>
                  <a:pt x="12361" y="3334"/>
                </a:lnTo>
                <a:lnTo>
                  <a:pt x="12346" y="3325"/>
                </a:lnTo>
                <a:lnTo>
                  <a:pt x="12331" y="3315"/>
                </a:lnTo>
                <a:lnTo>
                  <a:pt x="12318" y="3305"/>
                </a:lnTo>
                <a:lnTo>
                  <a:pt x="12305" y="3295"/>
                </a:lnTo>
                <a:lnTo>
                  <a:pt x="12293" y="3283"/>
                </a:lnTo>
                <a:lnTo>
                  <a:pt x="12282" y="3271"/>
                </a:lnTo>
                <a:lnTo>
                  <a:pt x="12270" y="3258"/>
                </a:lnTo>
                <a:lnTo>
                  <a:pt x="12260" y="3245"/>
                </a:lnTo>
                <a:lnTo>
                  <a:pt x="12250" y="3231"/>
                </a:lnTo>
                <a:lnTo>
                  <a:pt x="12241" y="3217"/>
                </a:lnTo>
                <a:lnTo>
                  <a:pt x="12234" y="3201"/>
                </a:lnTo>
                <a:lnTo>
                  <a:pt x="12226" y="3187"/>
                </a:lnTo>
                <a:lnTo>
                  <a:pt x="12219" y="3171"/>
                </a:lnTo>
                <a:lnTo>
                  <a:pt x="12213" y="3155"/>
                </a:lnTo>
                <a:lnTo>
                  <a:pt x="12207" y="3139"/>
                </a:lnTo>
                <a:lnTo>
                  <a:pt x="12203" y="3123"/>
                </a:lnTo>
                <a:lnTo>
                  <a:pt x="12199" y="3105"/>
                </a:lnTo>
                <a:lnTo>
                  <a:pt x="12194" y="3088"/>
                </a:lnTo>
                <a:lnTo>
                  <a:pt x="12191" y="3071"/>
                </a:lnTo>
                <a:lnTo>
                  <a:pt x="12189" y="3054"/>
                </a:lnTo>
                <a:lnTo>
                  <a:pt x="12187" y="3037"/>
                </a:lnTo>
                <a:lnTo>
                  <a:pt x="12187" y="3019"/>
                </a:lnTo>
                <a:lnTo>
                  <a:pt x="12186" y="3001"/>
                </a:lnTo>
                <a:lnTo>
                  <a:pt x="12187" y="2984"/>
                </a:lnTo>
                <a:lnTo>
                  <a:pt x="12187" y="2965"/>
                </a:lnTo>
                <a:lnTo>
                  <a:pt x="12189" y="2947"/>
                </a:lnTo>
                <a:lnTo>
                  <a:pt x="12190" y="2930"/>
                </a:lnTo>
                <a:lnTo>
                  <a:pt x="12193" y="2912"/>
                </a:lnTo>
                <a:lnTo>
                  <a:pt x="12197" y="2895"/>
                </a:lnTo>
                <a:lnTo>
                  <a:pt x="12201" y="2878"/>
                </a:lnTo>
                <a:lnTo>
                  <a:pt x="12205" y="2860"/>
                </a:lnTo>
                <a:lnTo>
                  <a:pt x="12210" y="2844"/>
                </a:lnTo>
                <a:lnTo>
                  <a:pt x="12215" y="2827"/>
                </a:lnTo>
                <a:lnTo>
                  <a:pt x="12221" y="2811"/>
                </a:lnTo>
                <a:lnTo>
                  <a:pt x="12229" y="2795"/>
                </a:lnTo>
                <a:lnTo>
                  <a:pt x="12237" y="2780"/>
                </a:lnTo>
                <a:lnTo>
                  <a:pt x="12245" y="2764"/>
                </a:lnTo>
                <a:lnTo>
                  <a:pt x="12255" y="2749"/>
                </a:lnTo>
                <a:lnTo>
                  <a:pt x="12265" y="2735"/>
                </a:lnTo>
                <a:lnTo>
                  <a:pt x="12275" y="2722"/>
                </a:lnTo>
                <a:lnTo>
                  <a:pt x="12287" y="2709"/>
                </a:lnTo>
                <a:lnTo>
                  <a:pt x="12299" y="2697"/>
                </a:lnTo>
                <a:lnTo>
                  <a:pt x="12313" y="2685"/>
                </a:lnTo>
                <a:lnTo>
                  <a:pt x="12326" y="2674"/>
                </a:lnTo>
                <a:lnTo>
                  <a:pt x="12342" y="2663"/>
                </a:lnTo>
                <a:lnTo>
                  <a:pt x="12357" y="2654"/>
                </a:lnTo>
                <a:lnTo>
                  <a:pt x="12374" y="2646"/>
                </a:lnTo>
                <a:lnTo>
                  <a:pt x="12392" y="2638"/>
                </a:lnTo>
                <a:lnTo>
                  <a:pt x="12410" y="2631"/>
                </a:lnTo>
                <a:lnTo>
                  <a:pt x="12429" y="2625"/>
                </a:lnTo>
                <a:lnTo>
                  <a:pt x="12450" y="2620"/>
                </a:lnTo>
                <a:lnTo>
                  <a:pt x="12472" y="2617"/>
                </a:lnTo>
                <a:lnTo>
                  <a:pt x="12493" y="2614"/>
                </a:lnTo>
                <a:lnTo>
                  <a:pt x="12516" y="2612"/>
                </a:lnTo>
                <a:lnTo>
                  <a:pt x="12541" y="2612"/>
                </a:lnTo>
                <a:lnTo>
                  <a:pt x="12563" y="2612"/>
                </a:lnTo>
                <a:lnTo>
                  <a:pt x="12584" y="2614"/>
                </a:lnTo>
                <a:lnTo>
                  <a:pt x="12603" y="2616"/>
                </a:lnTo>
                <a:lnTo>
                  <a:pt x="12622" y="2619"/>
                </a:lnTo>
                <a:lnTo>
                  <a:pt x="12641" y="2623"/>
                </a:lnTo>
                <a:lnTo>
                  <a:pt x="12659" y="2628"/>
                </a:lnTo>
                <a:lnTo>
                  <a:pt x="12676" y="2634"/>
                </a:lnTo>
                <a:lnTo>
                  <a:pt x="12693" y="2642"/>
                </a:lnTo>
                <a:lnTo>
                  <a:pt x="12708" y="2649"/>
                </a:lnTo>
                <a:lnTo>
                  <a:pt x="12723" y="2657"/>
                </a:lnTo>
                <a:lnTo>
                  <a:pt x="12737" y="2667"/>
                </a:lnTo>
                <a:lnTo>
                  <a:pt x="12751" y="2677"/>
                </a:lnTo>
                <a:lnTo>
                  <a:pt x="12763" y="2687"/>
                </a:lnTo>
                <a:lnTo>
                  <a:pt x="12776" y="2699"/>
                </a:lnTo>
                <a:lnTo>
                  <a:pt x="12787" y="2711"/>
                </a:lnTo>
                <a:lnTo>
                  <a:pt x="12799" y="2724"/>
                </a:lnTo>
                <a:lnTo>
                  <a:pt x="12808" y="2737"/>
                </a:lnTo>
                <a:lnTo>
                  <a:pt x="12817" y="2751"/>
                </a:lnTo>
                <a:lnTo>
                  <a:pt x="12827" y="2765"/>
                </a:lnTo>
                <a:lnTo>
                  <a:pt x="12835" y="2781"/>
                </a:lnTo>
                <a:lnTo>
                  <a:pt x="12842" y="2796"/>
                </a:lnTo>
                <a:lnTo>
                  <a:pt x="12848" y="2812"/>
                </a:lnTo>
                <a:lnTo>
                  <a:pt x="12855" y="2828"/>
                </a:lnTo>
                <a:lnTo>
                  <a:pt x="12860" y="2845"/>
                </a:lnTo>
                <a:lnTo>
                  <a:pt x="12865" y="2862"/>
                </a:lnTo>
                <a:lnTo>
                  <a:pt x="12869" y="2880"/>
                </a:lnTo>
                <a:lnTo>
                  <a:pt x="12872" y="2899"/>
                </a:lnTo>
                <a:lnTo>
                  <a:pt x="12875" y="2916"/>
                </a:lnTo>
                <a:lnTo>
                  <a:pt x="12877" y="2936"/>
                </a:lnTo>
                <a:lnTo>
                  <a:pt x="12878" y="2955"/>
                </a:lnTo>
                <a:lnTo>
                  <a:pt x="12880" y="2974"/>
                </a:lnTo>
                <a:lnTo>
                  <a:pt x="12881" y="2994"/>
                </a:lnTo>
                <a:lnTo>
                  <a:pt x="12880" y="3011"/>
                </a:lnTo>
                <a:lnTo>
                  <a:pt x="12878" y="3027"/>
                </a:lnTo>
                <a:lnTo>
                  <a:pt x="12877" y="3045"/>
                </a:lnTo>
                <a:lnTo>
                  <a:pt x="12875" y="3061"/>
                </a:lnTo>
                <a:lnTo>
                  <a:pt x="12873" y="3079"/>
                </a:lnTo>
                <a:lnTo>
                  <a:pt x="12869" y="3096"/>
                </a:lnTo>
                <a:lnTo>
                  <a:pt x="12866" y="3112"/>
                </a:lnTo>
                <a:lnTo>
                  <a:pt x="12861" y="3129"/>
                </a:lnTo>
                <a:lnTo>
                  <a:pt x="12856" y="3145"/>
                </a:lnTo>
                <a:lnTo>
                  <a:pt x="12850" y="3162"/>
                </a:lnTo>
                <a:lnTo>
                  <a:pt x="12843" y="3178"/>
                </a:lnTo>
                <a:lnTo>
                  <a:pt x="12836" y="3193"/>
                </a:lnTo>
                <a:lnTo>
                  <a:pt x="12829" y="3208"/>
                </a:lnTo>
                <a:lnTo>
                  <a:pt x="12820" y="3223"/>
                </a:lnTo>
                <a:lnTo>
                  <a:pt x="12810" y="3238"/>
                </a:lnTo>
                <a:lnTo>
                  <a:pt x="12801" y="3251"/>
                </a:lnTo>
                <a:lnTo>
                  <a:pt x="12789" y="3265"/>
                </a:lnTo>
                <a:lnTo>
                  <a:pt x="12778" y="3277"/>
                </a:lnTo>
                <a:lnTo>
                  <a:pt x="12765" y="3289"/>
                </a:lnTo>
                <a:lnTo>
                  <a:pt x="12752" y="3301"/>
                </a:lnTo>
                <a:lnTo>
                  <a:pt x="12738" y="3311"/>
                </a:lnTo>
                <a:lnTo>
                  <a:pt x="12723" y="3322"/>
                </a:lnTo>
                <a:lnTo>
                  <a:pt x="12707" y="3331"/>
                </a:lnTo>
                <a:lnTo>
                  <a:pt x="12692" y="3339"/>
                </a:lnTo>
                <a:lnTo>
                  <a:pt x="12674" y="3347"/>
                </a:lnTo>
                <a:lnTo>
                  <a:pt x="12655" y="3354"/>
                </a:lnTo>
                <a:lnTo>
                  <a:pt x="12637" y="3360"/>
                </a:lnTo>
                <a:lnTo>
                  <a:pt x="12617" y="3365"/>
                </a:lnTo>
                <a:lnTo>
                  <a:pt x="12595" y="3368"/>
                </a:lnTo>
                <a:lnTo>
                  <a:pt x="12573" y="3371"/>
                </a:lnTo>
                <a:lnTo>
                  <a:pt x="12550" y="3373"/>
                </a:lnTo>
                <a:lnTo>
                  <a:pt x="12528" y="3373"/>
                </a:lnTo>
                <a:close/>
                <a:moveTo>
                  <a:pt x="14885" y="2843"/>
                </a:moveTo>
                <a:lnTo>
                  <a:pt x="14884" y="2814"/>
                </a:lnTo>
                <a:lnTo>
                  <a:pt x="14883" y="2785"/>
                </a:lnTo>
                <a:lnTo>
                  <a:pt x="14880" y="2758"/>
                </a:lnTo>
                <a:lnTo>
                  <a:pt x="14876" y="2731"/>
                </a:lnTo>
                <a:lnTo>
                  <a:pt x="14870" y="2705"/>
                </a:lnTo>
                <a:lnTo>
                  <a:pt x="14863" y="2680"/>
                </a:lnTo>
                <a:lnTo>
                  <a:pt x="14856" y="2655"/>
                </a:lnTo>
                <a:lnTo>
                  <a:pt x="14847" y="2632"/>
                </a:lnTo>
                <a:lnTo>
                  <a:pt x="14836" y="2611"/>
                </a:lnTo>
                <a:lnTo>
                  <a:pt x="14825" y="2589"/>
                </a:lnTo>
                <a:lnTo>
                  <a:pt x="14812" y="2568"/>
                </a:lnTo>
                <a:lnTo>
                  <a:pt x="14798" y="2549"/>
                </a:lnTo>
                <a:lnTo>
                  <a:pt x="14783" y="2531"/>
                </a:lnTo>
                <a:lnTo>
                  <a:pt x="14766" y="2513"/>
                </a:lnTo>
                <a:lnTo>
                  <a:pt x="14748" y="2497"/>
                </a:lnTo>
                <a:lnTo>
                  <a:pt x="14729" y="2480"/>
                </a:lnTo>
                <a:lnTo>
                  <a:pt x="14708" y="2466"/>
                </a:lnTo>
                <a:lnTo>
                  <a:pt x="14687" y="2452"/>
                </a:lnTo>
                <a:lnTo>
                  <a:pt x="14663" y="2439"/>
                </a:lnTo>
                <a:lnTo>
                  <a:pt x="14639" y="2427"/>
                </a:lnTo>
                <a:lnTo>
                  <a:pt x="14613" y="2416"/>
                </a:lnTo>
                <a:lnTo>
                  <a:pt x="14585" y="2405"/>
                </a:lnTo>
                <a:lnTo>
                  <a:pt x="14557" y="2396"/>
                </a:lnTo>
                <a:lnTo>
                  <a:pt x="14527" y="2388"/>
                </a:lnTo>
                <a:lnTo>
                  <a:pt x="14495" y="2381"/>
                </a:lnTo>
                <a:lnTo>
                  <a:pt x="14461" y="2374"/>
                </a:lnTo>
                <a:lnTo>
                  <a:pt x="14427" y="2369"/>
                </a:lnTo>
                <a:lnTo>
                  <a:pt x="14392" y="2365"/>
                </a:lnTo>
                <a:lnTo>
                  <a:pt x="14355" y="2362"/>
                </a:lnTo>
                <a:lnTo>
                  <a:pt x="14316" y="2359"/>
                </a:lnTo>
                <a:lnTo>
                  <a:pt x="14276" y="2358"/>
                </a:lnTo>
                <a:lnTo>
                  <a:pt x="14234" y="2357"/>
                </a:lnTo>
                <a:lnTo>
                  <a:pt x="14176" y="2358"/>
                </a:lnTo>
                <a:lnTo>
                  <a:pt x="14113" y="2361"/>
                </a:lnTo>
                <a:lnTo>
                  <a:pt x="14046" y="2365"/>
                </a:lnTo>
                <a:lnTo>
                  <a:pt x="13976" y="2371"/>
                </a:lnTo>
                <a:lnTo>
                  <a:pt x="13940" y="2376"/>
                </a:lnTo>
                <a:lnTo>
                  <a:pt x="13904" y="2381"/>
                </a:lnTo>
                <a:lnTo>
                  <a:pt x="13868" y="2386"/>
                </a:lnTo>
                <a:lnTo>
                  <a:pt x="13831" y="2392"/>
                </a:lnTo>
                <a:lnTo>
                  <a:pt x="13796" y="2399"/>
                </a:lnTo>
                <a:lnTo>
                  <a:pt x="13760" y="2406"/>
                </a:lnTo>
                <a:lnTo>
                  <a:pt x="13724" y="2415"/>
                </a:lnTo>
                <a:lnTo>
                  <a:pt x="13689" y="2423"/>
                </a:lnTo>
                <a:lnTo>
                  <a:pt x="13689" y="2672"/>
                </a:lnTo>
                <a:lnTo>
                  <a:pt x="13716" y="2661"/>
                </a:lnTo>
                <a:lnTo>
                  <a:pt x="13744" y="2653"/>
                </a:lnTo>
                <a:lnTo>
                  <a:pt x="13772" y="2645"/>
                </a:lnTo>
                <a:lnTo>
                  <a:pt x="13801" y="2637"/>
                </a:lnTo>
                <a:lnTo>
                  <a:pt x="13830" y="2630"/>
                </a:lnTo>
                <a:lnTo>
                  <a:pt x="13860" y="2624"/>
                </a:lnTo>
                <a:lnTo>
                  <a:pt x="13889" y="2618"/>
                </a:lnTo>
                <a:lnTo>
                  <a:pt x="13920" y="2613"/>
                </a:lnTo>
                <a:lnTo>
                  <a:pt x="13949" y="2609"/>
                </a:lnTo>
                <a:lnTo>
                  <a:pt x="13979" y="2604"/>
                </a:lnTo>
                <a:lnTo>
                  <a:pt x="14008" y="2601"/>
                </a:lnTo>
                <a:lnTo>
                  <a:pt x="14037" y="2598"/>
                </a:lnTo>
                <a:lnTo>
                  <a:pt x="14065" y="2596"/>
                </a:lnTo>
                <a:lnTo>
                  <a:pt x="14093" y="2595"/>
                </a:lnTo>
                <a:lnTo>
                  <a:pt x="14121" y="2594"/>
                </a:lnTo>
                <a:lnTo>
                  <a:pt x="14147" y="2593"/>
                </a:lnTo>
                <a:lnTo>
                  <a:pt x="14184" y="2594"/>
                </a:lnTo>
                <a:lnTo>
                  <a:pt x="14220" y="2595"/>
                </a:lnTo>
                <a:lnTo>
                  <a:pt x="14254" y="2597"/>
                </a:lnTo>
                <a:lnTo>
                  <a:pt x="14287" y="2601"/>
                </a:lnTo>
                <a:lnTo>
                  <a:pt x="14303" y="2604"/>
                </a:lnTo>
                <a:lnTo>
                  <a:pt x="14318" y="2608"/>
                </a:lnTo>
                <a:lnTo>
                  <a:pt x="14333" y="2611"/>
                </a:lnTo>
                <a:lnTo>
                  <a:pt x="14347" y="2615"/>
                </a:lnTo>
                <a:lnTo>
                  <a:pt x="14361" y="2619"/>
                </a:lnTo>
                <a:lnTo>
                  <a:pt x="14374" y="2625"/>
                </a:lnTo>
                <a:lnTo>
                  <a:pt x="14387" y="2630"/>
                </a:lnTo>
                <a:lnTo>
                  <a:pt x="14399" y="2638"/>
                </a:lnTo>
                <a:lnTo>
                  <a:pt x="14411" y="2645"/>
                </a:lnTo>
                <a:lnTo>
                  <a:pt x="14422" y="2653"/>
                </a:lnTo>
                <a:lnTo>
                  <a:pt x="14432" y="2661"/>
                </a:lnTo>
                <a:lnTo>
                  <a:pt x="14442" y="2672"/>
                </a:lnTo>
                <a:lnTo>
                  <a:pt x="14451" y="2682"/>
                </a:lnTo>
                <a:lnTo>
                  <a:pt x="14459" y="2694"/>
                </a:lnTo>
                <a:lnTo>
                  <a:pt x="14467" y="2706"/>
                </a:lnTo>
                <a:lnTo>
                  <a:pt x="14474" y="2719"/>
                </a:lnTo>
                <a:lnTo>
                  <a:pt x="14480" y="2734"/>
                </a:lnTo>
                <a:lnTo>
                  <a:pt x="14485" y="2749"/>
                </a:lnTo>
                <a:lnTo>
                  <a:pt x="14490" y="2766"/>
                </a:lnTo>
                <a:lnTo>
                  <a:pt x="14494" y="2784"/>
                </a:lnTo>
                <a:lnTo>
                  <a:pt x="14497" y="2803"/>
                </a:lnTo>
                <a:lnTo>
                  <a:pt x="14499" y="2823"/>
                </a:lnTo>
                <a:lnTo>
                  <a:pt x="14501" y="2845"/>
                </a:lnTo>
                <a:lnTo>
                  <a:pt x="14501" y="2868"/>
                </a:lnTo>
                <a:lnTo>
                  <a:pt x="14306" y="2868"/>
                </a:lnTo>
                <a:lnTo>
                  <a:pt x="14241" y="2868"/>
                </a:lnTo>
                <a:lnTo>
                  <a:pt x="14172" y="2871"/>
                </a:lnTo>
                <a:lnTo>
                  <a:pt x="14101" y="2875"/>
                </a:lnTo>
                <a:lnTo>
                  <a:pt x="14032" y="2880"/>
                </a:lnTo>
                <a:lnTo>
                  <a:pt x="13996" y="2884"/>
                </a:lnTo>
                <a:lnTo>
                  <a:pt x="13963" y="2888"/>
                </a:lnTo>
                <a:lnTo>
                  <a:pt x="13930" y="2894"/>
                </a:lnTo>
                <a:lnTo>
                  <a:pt x="13898" y="2899"/>
                </a:lnTo>
                <a:lnTo>
                  <a:pt x="13868" y="2904"/>
                </a:lnTo>
                <a:lnTo>
                  <a:pt x="13840" y="2910"/>
                </a:lnTo>
                <a:lnTo>
                  <a:pt x="13813" y="2917"/>
                </a:lnTo>
                <a:lnTo>
                  <a:pt x="13789" y="2925"/>
                </a:lnTo>
                <a:lnTo>
                  <a:pt x="13762" y="2934"/>
                </a:lnTo>
                <a:lnTo>
                  <a:pt x="13735" y="2945"/>
                </a:lnTo>
                <a:lnTo>
                  <a:pt x="13709" y="2958"/>
                </a:lnTo>
                <a:lnTo>
                  <a:pt x="13684" y="2971"/>
                </a:lnTo>
                <a:lnTo>
                  <a:pt x="13659" y="2986"/>
                </a:lnTo>
                <a:lnTo>
                  <a:pt x="13636" y="3002"/>
                </a:lnTo>
                <a:lnTo>
                  <a:pt x="13625" y="3012"/>
                </a:lnTo>
                <a:lnTo>
                  <a:pt x="13614" y="3021"/>
                </a:lnTo>
                <a:lnTo>
                  <a:pt x="13604" y="3030"/>
                </a:lnTo>
                <a:lnTo>
                  <a:pt x="13594" y="3041"/>
                </a:lnTo>
                <a:lnTo>
                  <a:pt x="13584" y="3051"/>
                </a:lnTo>
                <a:lnTo>
                  <a:pt x="13575" y="3061"/>
                </a:lnTo>
                <a:lnTo>
                  <a:pt x="13567" y="3073"/>
                </a:lnTo>
                <a:lnTo>
                  <a:pt x="13558" y="3084"/>
                </a:lnTo>
                <a:lnTo>
                  <a:pt x="13550" y="3096"/>
                </a:lnTo>
                <a:lnTo>
                  <a:pt x="13544" y="3108"/>
                </a:lnTo>
                <a:lnTo>
                  <a:pt x="13537" y="3122"/>
                </a:lnTo>
                <a:lnTo>
                  <a:pt x="13531" y="3135"/>
                </a:lnTo>
                <a:lnTo>
                  <a:pt x="13525" y="3149"/>
                </a:lnTo>
                <a:lnTo>
                  <a:pt x="13521" y="3162"/>
                </a:lnTo>
                <a:lnTo>
                  <a:pt x="13517" y="3176"/>
                </a:lnTo>
                <a:lnTo>
                  <a:pt x="13514" y="3192"/>
                </a:lnTo>
                <a:lnTo>
                  <a:pt x="13511" y="3208"/>
                </a:lnTo>
                <a:lnTo>
                  <a:pt x="13509" y="3223"/>
                </a:lnTo>
                <a:lnTo>
                  <a:pt x="13507" y="3240"/>
                </a:lnTo>
                <a:lnTo>
                  <a:pt x="13507" y="3256"/>
                </a:lnTo>
                <a:lnTo>
                  <a:pt x="13507" y="3283"/>
                </a:lnTo>
                <a:lnTo>
                  <a:pt x="13511" y="3308"/>
                </a:lnTo>
                <a:lnTo>
                  <a:pt x="13514" y="3333"/>
                </a:lnTo>
                <a:lnTo>
                  <a:pt x="13519" y="3357"/>
                </a:lnTo>
                <a:lnTo>
                  <a:pt x="13525" y="3380"/>
                </a:lnTo>
                <a:lnTo>
                  <a:pt x="13532" y="3400"/>
                </a:lnTo>
                <a:lnTo>
                  <a:pt x="13542" y="3421"/>
                </a:lnTo>
                <a:lnTo>
                  <a:pt x="13552" y="3441"/>
                </a:lnTo>
                <a:lnTo>
                  <a:pt x="13563" y="3459"/>
                </a:lnTo>
                <a:lnTo>
                  <a:pt x="13575" y="3477"/>
                </a:lnTo>
                <a:lnTo>
                  <a:pt x="13588" y="3494"/>
                </a:lnTo>
                <a:lnTo>
                  <a:pt x="13603" y="3509"/>
                </a:lnTo>
                <a:lnTo>
                  <a:pt x="13619" y="3524"/>
                </a:lnTo>
                <a:lnTo>
                  <a:pt x="13635" y="3538"/>
                </a:lnTo>
                <a:lnTo>
                  <a:pt x="13653" y="3551"/>
                </a:lnTo>
                <a:lnTo>
                  <a:pt x="13670" y="3563"/>
                </a:lnTo>
                <a:lnTo>
                  <a:pt x="13690" y="3574"/>
                </a:lnTo>
                <a:lnTo>
                  <a:pt x="13710" y="3585"/>
                </a:lnTo>
                <a:lnTo>
                  <a:pt x="13731" y="3595"/>
                </a:lnTo>
                <a:lnTo>
                  <a:pt x="13751" y="3603"/>
                </a:lnTo>
                <a:lnTo>
                  <a:pt x="13774" y="3612"/>
                </a:lnTo>
                <a:lnTo>
                  <a:pt x="13796" y="3619"/>
                </a:lnTo>
                <a:lnTo>
                  <a:pt x="13820" y="3625"/>
                </a:lnTo>
                <a:lnTo>
                  <a:pt x="13844" y="3631"/>
                </a:lnTo>
                <a:lnTo>
                  <a:pt x="13868" y="3637"/>
                </a:lnTo>
                <a:lnTo>
                  <a:pt x="13893" y="3641"/>
                </a:lnTo>
                <a:lnTo>
                  <a:pt x="13918" y="3644"/>
                </a:lnTo>
                <a:lnTo>
                  <a:pt x="13943" y="3647"/>
                </a:lnTo>
                <a:lnTo>
                  <a:pt x="13969" y="3649"/>
                </a:lnTo>
                <a:lnTo>
                  <a:pt x="13995" y="3651"/>
                </a:lnTo>
                <a:lnTo>
                  <a:pt x="14022" y="3652"/>
                </a:lnTo>
                <a:lnTo>
                  <a:pt x="14049" y="3652"/>
                </a:lnTo>
                <a:lnTo>
                  <a:pt x="14088" y="3651"/>
                </a:lnTo>
                <a:lnTo>
                  <a:pt x="14126" y="3650"/>
                </a:lnTo>
                <a:lnTo>
                  <a:pt x="14161" y="3647"/>
                </a:lnTo>
                <a:lnTo>
                  <a:pt x="14197" y="3643"/>
                </a:lnTo>
                <a:lnTo>
                  <a:pt x="14230" y="3638"/>
                </a:lnTo>
                <a:lnTo>
                  <a:pt x="14262" y="3631"/>
                </a:lnTo>
                <a:lnTo>
                  <a:pt x="14293" y="3624"/>
                </a:lnTo>
                <a:lnTo>
                  <a:pt x="14322" y="3615"/>
                </a:lnTo>
                <a:lnTo>
                  <a:pt x="14351" y="3606"/>
                </a:lnTo>
                <a:lnTo>
                  <a:pt x="14378" y="3594"/>
                </a:lnTo>
                <a:lnTo>
                  <a:pt x="14404" y="3582"/>
                </a:lnTo>
                <a:lnTo>
                  <a:pt x="14429" y="3567"/>
                </a:lnTo>
                <a:lnTo>
                  <a:pt x="14453" y="3553"/>
                </a:lnTo>
                <a:lnTo>
                  <a:pt x="14476" y="3536"/>
                </a:lnTo>
                <a:lnTo>
                  <a:pt x="14498" y="3517"/>
                </a:lnTo>
                <a:lnTo>
                  <a:pt x="14519" y="3498"/>
                </a:lnTo>
                <a:lnTo>
                  <a:pt x="14525" y="3498"/>
                </a:lnTo>
                <a:lnTo>
                  <a:pt x="14525" y="3623"/>
                </a:lnTo>
                <a:lnTo>
                  <a:pt x="14885" y="3623"/>
                </a:lnTo>
                <a:lnTo>
                  <a:pt x="14885" y="2843"/>
                </a:lnTo>
                <a:close/>
                <a:moveTo>
                  <a:pt x="14501" y="3289"/>
                </a:moveTo>
                <a:lnTo>
                  <a:pt x="14477" y="3306"/>
                </a:lnTo>
                <a:lnTo>
                  <a:pt x="14453" y="3323"/>
                </a:lnTo>
                <a:lnTo>
                  <a:pt x="14430" y="3336"/>
                </a:lnTo>
                <a:lnTo>
                  <a:pt x="14406" y="3350"/>
                </a:lnTo>
                <a:lnTo>
                  <a:pt x="14383" y="3361"/>
                </a:lnTo>
                <a:lnTo>
                  <a:pt x="14359" y="3370"/>
                </a:lnTo>
                <a:lnTo>
                  <a:pt x="14335" y="3380"/>
                </a:lnTo>
                <a:lnTo>
                  <a:pt x="14312" y="3388"/>
                </a:lnTo>
                <a:lnTo>
                  <a:pt x="14289" y="3394"/>
                </a:lnTo>
                <a:lnTo>
                  <a:pt x="14265" y="3400"/>
                </a:lnTo>
                <a:lnTo>
                  <a:pt x="14242" y="3406"/>
                </a:lnTo>
                <a:lnTo>
                  <a:pt x="14220" y="3410"/>
                </a:lnTo>
                <a:lnTo>
                  <a:pt x="14198" y="3413"/>
                </a:lnTo>
                <a:lnTo>
                  <a:pt x="14175" y="3415"/>
                </a:lnTo>
                <a:lnTo>
                  <a:pt x="14153" y="3417"/>
                </a:lnTo>
                <a:lnTo>
                  <a:pt x="14132" y="3418"/>
                </a:lnTo>
                <a:lnTo>
                  <a:pt x="14107" y="3418"/>
                </a:lnTo>
                <a:lnTo>
                  <a:pt x="14084" y="3417"/>
                </a:lnTo>
                <a:lnTo>
                  <a:pt x="14061" y="3415"/>
                </a:lnTo>
                <a:lnTo>
                  <a:pt x="14039" y="3412"/>
                </a:lnTo>
                <a:lnTo>
                  <a:pt x="14018" y="3407"/>
                </a:lnTo>
                <a:lnTo>
                  <a:pt x="14000" y="3400"/>
                </a:lnTo>
                <a:lnTo>
                  <a:pt x="13991" y="3397"/>
                </a:lnTo>
                <a:lnTo>
                  <a:pt x="13982" y="3393"/>
                </a:lnTo>
                <a:lnTo>
                  <a:pt x="13974" y="3389"/>
                </a:lnTo>
                <a:lnTo>
                  <a:pt x="13966" y="3384"/>
                </a:lnTo>
                <a:lnTo>
                  <a:pt x="13959" y="3379"/>
                </a:lnTo>
                <a:lnTo>
                  <a:pt x="13952" y="3373"/>
                </a:lnTo>
                <a:lnTo>
                  <a:pt x="13946" y="3367"/>
                </a:lnTo>
                <a:lnTo>
                  <a:pt x="13939" y="3361"/>
                </a:lnTo>
                <a:lnTo>
                  <a:pt x="13933" y="3355"/>
                </a:lnTo>
                <a:lnTo>
                  <a:pt x="13928" y="3346"/>
                </a:lnTo>
                <a:lnTo>
                  <a:pt x="13924" y="3339"/>
                </a:lnTo>
                <a:lnTo>
                  <a:pt x="13920" y="3331"/>
                </a:lnTo>
                <a:lnTo>
                  <a:pt x="13915" y="3323"/>
                </a:lnTo>
                <a:lnTo>
                  <a:pt x="13912" y="3313"/>
                </a:lnTo>
                <a:lnTo>
                  <a:pt x="13909" y="3304"/>
                </a:lnTo>
                <a:lnTo>
                  <a:pt x="13906" y="3295"/>
                </a:lnTo>
                <a:lnTo>
                  <a:pt x="13905" y="3284"/>
                </a:lnTo>
                <a:lnTo>
                  <a:pt x="13903" y="3273"/>
                </a:lnTo>
                <a:lnTo>
                  <a:pt x="13903" y="3261"/>
                </a:lnTo>
                <a:lnTo>
                  <a:pt x="13902" y="3250"/>
                </a:lnTo>
                <a:lnTo>
                  <a:pt x="13903" y="3236"/>
                </a:lnTo>
                <a:lnTo>
                  <a:pt x="13905" y="3223"/>
                </a:lnTo>
                <a:lnTo>
                  <a:pt x="13908" y="3211"/>
                </a:lnTo>
                <a:lnTo>
                  <a:pt x="13912" y="3198"/>
                </a:lnTo>
                <a:lnTo>
                  <a:pt x="13918" y="3188"/>
                </a:lnTo>
                <a:lnTo>
                  <a:pt x="13924" y="3178"/>
                </a:lnTo>
                <a:lnTo>
                  <a:pt x="13932" y="3167"/>
                </a:lnTo>
                <a:lnTo>
                  <a:pt x="13940" y="3158"/>
                </a:lnTo>
                <a:lnTo>
                  <a:pt x="13950" y="3150"/>
                </a:lnTo>
                <a:lnTo>
                  <a:pt x="13961" y="3141"/>
                </a:lnTo>
                <a:lnTo>
                  <a:pt x="13973" y="3134"/>
                </a:lnTo>
                <a:lnTo>
                  <a:pt x="13985" y="3127"/>
                </a:lnTo>
                <a:lnTo>
                  <a:pt x="13997" y="3121"/>
                </a:lnTo>
                <a:lnTo>
                  <a:pt x="14012" y="3115"/>
                </a:lnTo>
                <a:lnTo>
                  <a:pt x="14026" y="3109"/>
                </a:lnTo>
                <a:lnTo>
                  <a:pt x="14042" y="3105"/>
                </a:lnTo>
                <a:lnTo>
                  <a:pt x="14075" y="3096"/>
                </a:lnTo>
                <a:lnTo>
                  <a:pt x="14112" y="3089"/>
                </a:lnTo>
                <a:lnTo>
                  <a:pt x="14150" y="3083"/>
                </a:lnTo>
                <a:lnTo>
                  <a:pt x="14189" y="3079"/>
                </a:lnTo>
                <a:lnTo>
                  <a:pt x="14231" y="3076"/>
                </a:lnTo>
                <a:lnTo>
                  <a:pt x="14275" y="3075"/>
                </a:lnTo>
                <a:lnTo>
                  <a:pt x="14319" y="3073"/>
                </a:lnTo>
                <a:lnTo>
                  <a:pt x="14364" y="3073"/>
                </a:lnTo>
                <a:lnTo>
                  <a:pt x="14501" y="3073"/>
                </a:lnTo>
                <a:lnTo>
                  <a:pt x="14501" y="3289"/>
                </a:lnTo>
                <a:close/>
                <a:moveTo>
                  <a:pt x="3514" y="2021"/>
                </a:moveTo>
                <a:lnTo>
                  <a:pt x="3514" y="2995"/>
                </a:lnTo>
                <a:lnTo>
                  <a:pt x="3514" y="3016"/>
                </a:lnTo>
                <a:lnTo>
                  <a:pt x="3513" y="3036"/>
                </a:lnTo>
                <a:lnTo>
                  <a:pt x="3511" y="3055"/>
                </a:lnTo>
                <a:lnTo>
                  <a:pt x="3508" y="3074"/>
                </a:lnTo>
                <a:lnTo>
                  <a:pt x="3506" y="3091"/>
                </a:lnTo>
                <a:lnTo>
                  <a:pt x="3503" y="3109"/>
                </a:lnTo>
                <a:lnTo>
                  <a:pt x="3499" y="3127"/>
                </a:lnTo>
                <a:lnTo>
                  <a:pt x="3495" y="3143"/>
                </a:lnTo>
                <a:lnTo>
                  <a:pt x="3489" y="3160"/>
                </a:lnTo>
                <a:lnTo>
                  <a:pt x="3484" y="3175"/>
                </a:lnTo>
                <a:lnTo>
                  <a:pt x="3477" y="3190"/>
                </a:lnTo>
                <a:lnTo>
                  <a:pt x="3470" y="3204"/>
                </a:lnTo>
                <a:lnTo>
                  <a:pt x="3462" y="3218"/>
                </a:lnTo>
                <a:lnTo>
                  <a:pt x="3453" y="3231"/>
                </a:lnTo>
                <a:lnTo>
                  <a:pt x="3445" y="3244"/>
                </a:lnTo>
                <a:lnTo>
                  <a:pt x="3435" y="3255"/>
                </a:lnTo>
                <a:lnTo>
                  <a:pt x="3424" y="3267"/>
                </a:lnTo>
                <a:lnTo>
                  <a:pt x="3414" y="3277"/>
                </a:lnTo>
                <a:lnTo>
                  <a:pt x="3403" y="3287"/>
                </a:lnTo>
                <a:lnTo>
                  <a:pt x="3390" y="3297"/>
                </a:lnTo>
                <a:lnTo>
                  <a:pt x="3377" y="3305"/>
                </a:lnTo>
                <a:lnTo>
                  <a:pt x="3363" y="3313"/>
                </a:lnTo>
                <a:lnTo>
                  <a:pt x="3349" y="3321"/>
                </a:lnTo>
                <a:lnTo>
                  <a:pt x="3334" y="3327"/>
                </a:lnTo>
                <a:lnTo>
                  <a:pt x="3317" y="3333"/>
                </a:lnTo>
                <a:lnTo>
                  <a:pt x="3301" y="3338"/>
                </a:lnTo>
                <a:lnTo>
                  <a:pt x="3284" y="3342"/>
                </a:lnTo>
                <a:lnTo>
                  <a:pt x="3267" y="3346"/>
                </a:lnTo>
                <a:lnTo>
                  <a:pt x="3248" y="3349"/>
                </a:lnTo>
                <a:lnTo>
                  <a:pt x="3228" y="3352"/>
                </a:lnTo>
                <a:lnTo>
                  <a:pt x="3208" y="3353"/>
                </a:lnTo>
                <a:lnTo>
                  <a:pt x="3188" y="3354"/>
                </a:lnTo>
                <a:lnTo>
                  <a:pt x="3157" y="3354"/>
                </a:lnTo>
                <a:lnTo>
                  <a:pt x="3119" y="3353"/>
                </a:lnTo>
                <a:lnTo>
                  <a:pt x="3077" y="3352"/>
                </a:lnTo>
                <a:lnTo>
                  <a:pt x="3030" y="3349"/>
                </a:lnTo>
                <a:lnTo>
                  <a:pt x="2981" y="3344"/>
                </a:lnTo>
                <a:lnTo>
                  <a:pt x="2929" y="3338"/>
                </a:lnTo>
                <a:lnTo>
                  <a:pt x="2903" y="3335"/>
                </a:lnTo>
                <a:lnTo>
                  <a:pt x="2877" y="3331"/>
                </a:lnTo>
                <a:lnTo>
                  <a:pt x="2852" y="3326"/>
                </a:lnTo>
                <a:lnTo>
                  <a:pt x="2826" y="3321"/>
                </a:lnTo>
                <a:lnTo>
                  <a:pt x="2826" y="3625"/>
                </a:lnTo>
                <a:lnTo>
                  <a:pt x="2878" y="3632"/>
                </a:lnTo>
                <a:lnTo>
                  <a:pt x="2933" y="3639"/>
                </a:lnTo>
                <a:lnTo>
                  <a:pt x="2988" y="3643"/>
                </a:lnTo>
                <a:lnTo>
                  <a:pt x="3045" y="3647"/>
                </a:lnTo>
                <a:lnTo>
                  <a:pt x="3102" y="3649"/>
                </a:lnTo>
                <a:lnTo>
                  <a:pt x="3157" y="3651"/>
                </a:lnTo>
                <a:lnTo>
                  <a:pt x="3211" y="3652"/>
                </a:lnTo>
                <a:lnTo>
                  <a:pt x="3262" y="3652"/>
                </a:lnTo>
                <a:lnTo>
                  <a:pt x="3304" y="3651"/>
                </a:lnTo>
                <a:lnTo>
                  <a:pt x="3344" y="3649"/>
                </a:lnTo>
                <a:lnTo>
                  <a:pt x="3384" y="3646"/>
                </a:lnTo>
                <a:lnTo>
                  <a:pt x="3422" y="3641"/>
                </a:lnTo>
                <a:lnTo>
                  <a:pt x="3460" y="3636"/>
                </a:lnTo>
                <a:lnTo>
                  <a:pt x="3496" y="3628"/>
                </a:lnTo>
                <a:lnTo>
                  <a:pt x="3530" y="3619"/>
                </a:lnTo>
                <a:lnTo>
                  <a:pt x="3564" y="3610"/>
                </a:lnTo>
                <a:lnTo>
                  <a:pt x="3598" y="3598"/>
                </a:lnTo>
                <a:lnTo>
                  <a:pt x="3629" y="3586"/>
                </a:lnTo>
                <a:lnTo>
                  <a:pt x="3659" y="3572"/>
                </a:lnTo>
                <a:lnTo>
                  <a:pt x="3689" y="3558"/>
                </a:lnTo>
                <a:lnTo>
                  <a:pt x="3716" y="3542"/>
                </a:lnTo>
                <a:lnTo>
                  <a:pt x="3743" y="3525"/>
                </a:lnTo>
                <a:lnTo>
                  <a:pt x="3769" y="3507"/>
                </a:lnTo>
                <a:lnTo>
                  <a:pt x="3793" y="3487"/>
                </a:lnTo>
                <a:lnTo>
                  <a:pt x="3816" y="3468"/>
                </a:lnTo>
                <a:lnTo>
                  <a:pt x="3836" y="3446"/>
                </a:lnTo>
                <a:lnTo>
                  <a:pt x="3857" y="3424"/>
                </a:lnTo>
                <a:lnTo>
                  <a:pt x="3876" y="3400"/>
                </a:lnTo>
                <a:lnTo>
                  <a:pt x="3893" y="3377"/>
                </a:lnTo>
                <a:lnTo>
                  <a:pt x="3909" y="3351"/>
                </a:lnTo>
                <a:lnTo>
                  <a:pt x="3924" y="3325"/>
                </a:lnTo>
                <a:lnTo>
                  <a:pt x="3936" y="3297"/>
                </a:lnTo>
                <a:lnTo>
                  <a:pt x="3949" y="3269"/>
                </a:lnTo>
                <a:lnTo>
                  <a:pt x="3958" y="3240"/>
                </a:lnTo>
                <a:lnTo>
                  <a:pt x="3967" y="3210"/>
                </a:lnTo>
                <a:lnTo>
                  <a:pt x="3973" y="3180"/>
                </a:lnTo>
                <a:lnTo>
                  <a:pt x="3980" y="3147"/>
                </a:lnTo>
                <a:lnTo>
                  <a:pt x="3984" y="3115"/>
                </a:lnTo>
                <a:lnTo>
                  <a:pt x="3986" y="3082"/>
                </a:lnTo>
                <a:lnTo>
                  <a:pt x="3987" y="3048"/>
                </a:lnTo>
                <a:lnTo>
                  <a:pt x="3987" y="2021"/>
                </a:lnTo>
                <a:lnTo>
                  <a:pt x="3514" y="2021"/>
                </a:lnTo>
                <a:close/>
                <a:moveTo>
                  <a:pt x="11555" y="2357"/>
                </a:moveTo>
                <a:lnTo>
                  <a:pt x="11524" y="2358"/>
                </a:lnTo>
                <a:lnTo>
                  <a:pt x="11493" y="2359"/>
                </a:lnTo>
                <a:lnTo>
                  <a:pt x="11462" y="2362"/>
                </a:lnTo>
                <a:lnTo>
                  <a:pt x="11431" y="2366"/>
                </a:lnTo>
                <a:lnTo>
                  <a:pt x="11401" y="2372"/>
                </a:lnTo>
                <a:lnTo>
                  <a:pt x="11372" y="2380"/>
                </a:lnTo>
                <a:lnTo>
                  <a:pt x="11344" y="2389"/>
                </a:lnTo>
                <a:lnTo>
                  <a:pt x="11316" y="2400"/>
                </a:lnTo>
                <a:lnTo>
                  <a:pt x="11303" y="2406"/>
                </a:lnTo>
                <a:lnTo>
                  <a:pt x="11289" y="2414"/>
                </a:lnTo>
                <a:lnTo>
                  <a:pt x="11277" y="2421"/>
                </a:lnTo>
                <a:lnTo>
                  <a:pt x="11263" y="2428"/>
                </a:lnTo>
                <a:lnTo>
                  <a:pt x="11251" y="2438"/>
                </a:lnTo>
                <a:lnTo>
                  <a:pt x="11238" y="2446"/>
                </a:lnTo>
                <a:lnTo>
                  <a:pt x="11227" y="2456"/>
                </a:lnTo>
                <a:lnTo>
                  <a:pt x="11215" y="2467"/>
                </a:lnTo>
                <a:lnTo>
                  <a:pt x="11203" y="2477"/>
                </a:lnTo>
                <a:lnTo>
                  <a:pt x="11192" y="2488"/>
                </a:lnTo>
                <a:lnTo>
                  <a:pt x="11181" y="2501"/>
                </a:lnTo>
                <a:lnTo>
                  <a:pt x="11170" y="2513"/>
                </a:lnTo>
                <a:lnTo>
                  <a:pt x="11160" y="2527"/>
                </a:lnTo>
                <a:lnTo>
                  <a:pt x="11150" y="2541"/>
                </a:lnTo>
                <a:lnTo>
                  <a:pt x="11140" y="2556"/>
                </a:lnTo>
                <a:lnTo>
                  <a:pt x="11130" y="2571"/>
                </a:lnTo>
                <a:lnTo>
                  <a:pt x="11125" y="2571"/>
                </a:lnTo>
                <a:lnTo>
                  <a:pt x="11125" y="2383"/>
                </a:lnTo>
                <a:lnTo>
                  <a:pt x="10747" y="2383"/>
                </a:lnTo>
                <a:lnTo>
                  <a:pt x="10747" y="3623"/>
                </a:lnTo>
                <a:lnTo>
                  <a:pt x="11159" y="3623"/>
                </a:lnTo>
                <a:lnTo>
                  <a:pt x="11159" y="3017"/>
                </a:lnTo>
                <a:lnTo>
                  <a:pt x="11160" y="2971"/>
                </a:lnTo>
                <a:lnTo>
                  <a:pt x="11163" y="2929"/>
                </a:lnTo>
                <a:lnTo>
                  <a:pt x="11164" y="2910"/>
                </a:lnTo>
                <a:lnTo>
                  <a:pt x="11167" y="2893"/>
                </a:lnTo>
                <a:lnTo>
                  <a:pt x="11169" y="2875"/>
                </a:lnTo>
                <a:lnTo>
                  <a:pt x="11172" y="2859"/>
                </a:lnTo>
                <a:lnTo>
                  <a:pt x="11176" y="2844"/>
                </a:lnTo>
                <a:lnTo>
                  <a:pt x="11179" y="2830"/>
                </a:lnTo>
                <a:lnTo>
                  <a:pt x="11183" y="2817"/>
                </a:lnTo>
                <a:lnTo>
                  <a:pt x="11188" y="2804"/>
                </a:lnTo>
                <a:lnTo>
                  <a:pt x="11193" y="2793"/>
                </a:lnTo>
                <a:lnTo>
                  <a:pt x="11197" y="2783"/>
                </a:lnTo>
                <a:lnTo>
                  <a:pt x="11202" y="2773"/>
                </a:lnTo>
                <a:lnTo>
                  <a:pt x="11207" y="2764"/>
                </a:lnTo>
                <a:lnTo>
                  <a:pt x="11216" y="2751"/>
                </a:lnTo>
                <a:lnTo>
                  <a:pt x="11225" y="2738"/>
                </a:lnTo>
                <a:lnTo>
                  <a:pt x="11233" y="2726"/>
                </a:lnTo>
                <a:lnTo>
                  <a:pt x="11244" y="2714"/>
                </a:lnTo>
                <a:lnTo>
                  <a:pt x="11254" y="2704"/>
                </a:lnTo>
                <a:lnTo>
                  <a:pt x="11264" y="2694"/>
                </a:lnTo>
                <a:lnTo>
                  <a:pt x="11276" y="2684"/>
                </a:lnTo>
                <a:lnTo>
                  <a:pt x="11287" y="2676"/>
                </a:lnTo>
                <a:lnTo>
                  <a:pt x="11301" y="2668"/>
                </a:lnTo>
                <a:lnTo>
                  <a:pt x="11314" y="2661"/>
                </a:lnTo>
                <a:lnTo>
                  <a:pt x="11329" y="2654"/>
                </a:lnTo>
                <a:lnTo>
                  <a:pt x="11344" y="2649"/>
                </a:lnTo>
                <a:lnTo>
                  <a:pt x="11360" y="2644"/>
                </a:lnTo>
                <a:lnTo>
                  <a:pt x="11378" y="2639"/>
                </a:lnTo>
                <a:lnTo>
                  <a:pt x="11396" y="2634"/>
                </a:lnTo>
                <a:lnTo>
                  <a:pt x="11416" y="2631"/>
                </a:lnTo>
                <a:lnTo>
                  <a:pt x="11437" y="2629"/>
                </a:lnTo>
                <a:lnTo>
                  <a:pt x="11461" y="2629"/>
                </a:lnTo>
                <a:lnTo>
                  <a:pt x="11484" y="2630"/>
                </a:lnTo>
                <a:lnTo>
                  <a:pt x="11510" y="2632"/>
                </a:lnTo>
                <a:lnTo>
                  <a:pt x="11535" y="2638"/>
                </a:lnTo>
                <a:lnTo>
                  <a:pt x="11560" y="2644"/>
                </a:lnTo>
                <a:lnTo>
                  <a:pt x="11572" y="2648"/>
                </a:lnTo>
                <a:lnTo>
                  <a:pt x="11583" y="2652"/>
                </a:lnTo>
                <a:lnTo>
                  <a:pt x="11594" y="2657"/>
                </a:lnTo>
                <a:lnTo>
                  <a:pt x="11606" y="2663"/>
                </a:lnTo>
                <a:lnTo>
                  <a:pt x="11789" y="2400"/>
                </a:lnTo>
                <a:lnTo>
                  <a:pt x="11761" y="2391"/>
                </a:lnTo>
                <a:lnTo>
                  <a:pt x="11734" y="2382"/>
                </a:lnTo>
                <a:lnTo>
                  <a:pt x="11706" y="2374"/>
                </a:lnTo>
                <a:lnTo>
                  <a:pt x="11679" y="2368"/>
                </a:lnTo>
                <a:lnTo>
                  <a:pt x="11651" y="2364"/>
                </a:lnTo>
                <a:lnTo>
                  <a:pt x="11620" y="2360"/>
                </a:lnTo>
                <a:lnTo>
                  <a:pt x="11589" y="2358"/>
                </a:lnTo>
                <a:lnTo>
                  <a:pt x="11555" y="2357"/>
                </a:lnTo>
                <a:close/>
              </a:path>
            </a:pathLst>
          </a:custGeom>
          <a:solidFill>
            <a:schemeClr val="bg2"/>
          </a:solidFill>
          <a:ln w="9525">
            <a:noFill/>
            <a:round/>
            <a:headEnd/>
            <a:tailEnd/>
          </a:ln>
        </p:spPr>
        <p:txBody>
          <a:bodyPr/>
          <a:lstStyle/>
          <a:p>
            <a:pPr algn="ctr" eaLnBrk="0" hangingPunct="0">
              <a:spcBef>
                <a:spcPct val="50000"/>
              </a:spcBef>
              <a:defRPr/>
            </a:pPr>
            <a:endParaRPr lang="en-US" dirty="0"/>
          </a:p>
        </p:txBody>
      </p:sp>
      <p:grpSp>
        <p:nvGrpSpPr>
          <p:cNvPr id="10" name="Group 15" hidden="1"/>
          <p:cNvGrpSpPr>
            <a:grpSpLocks noChangeAspect="1"/>
          </p:cNvGrpSpPr>
          <p:nvPr>
            <p:custDataLst>
              <p:tags r:id="rId8"/>
            </p:custDataLst>
          </p:nvPr>
        </p:nvGrpSpPr>
        <p:grpSpPr bwMode="auto">
          <a:xfrm>
            <a:off x="-2514600" y="5916613"/>
            <a:ext cx="2286000" cy="201612"/>
            <a:chOff x="-2448" y="1872"/>
            <a:chExt cx="2326" cy="206"/>
          </a:xfrm>
        </p:grpSpPr>
        <p:sp>
          <p:nvSpPr>
            <p:cNvPr id="11" name="Freeform 16" hidden="1"/>
            <p:cNvSpPr>
              <a:spLocks noChangeAspect="1" noEditPoints="1"/>
            </p:cNvSpPr>
            <p:nvPr/>
          </p:nvSpPr>
          <p:spPr bwMode="gray">
            <a:xfrm>
              <a:off x="-2177" y="1922"/>
              <a:ext cx="2055" cy="156"/>
            </a:xfrm>
            <a:custGeom>
              <a:avLst/>
              <a:gdLst/>
              <a:ahLst/>
              <a:cxnLst>
                <a:cxn ang="0">
                  <a:pos x="347" y="491"/>
                </a:cxn>
                <a:cxn ang="0">
                  <a:pos x="241" y="824"/>
                </a:cxn>
                <a:cxn ang="0">
                  <a:pos x="14384" y="183"/>
                </a:cxn>
                <a:cxn ang="0">
                  <a:pos x="14254" y="823"/>
                </a:cxn>
                <a:cxn ang="0">
                  <a:pos x="13428" y="315"/>
                </a:cxn>
                <a:cxn ang="0">
                  <a:pos x="13619" y="174"/>
                </a:cxn>
                <a:cxn ang="0">
                  <a:pos x="12530" y="600"/>
                </a:cxn>
                <a:cxn ang="0">
                  <a:pos x="12664" y="822"/>
                </a:cxn>
                <a:cxn ang="0">
                  <a:pos x="12337" y="422"/>
                </a:cxn>
                <a:cxn ang="0">
                  <a:pos x="12816" y="187"/>
                </a:cxn>
                <a:cxn ang="0">
                  <a:pos x="12834" y="372"/>
                </a:cxn>
                <a:cxn ang="0">
                  <a:pos x="12845" y="407"/>
                </a:cxn>
                <a:cxn ang="0">
                  <a:pos x="11813" y="350"/>
                </a:cxn>
                <a:cxn ang="0">
                  <a:pos x="11412" y="319"/>
                </a:cxn>
                <a:cxn ang="0">
                  <a:pos x="11608" y="177"/>
                </a:cxn>
                <a:cxn ang="0">
                  <a:pos x="12082" y="184"/>
                </a:cxn>
                <a:cxn ang="0">
                  <a:pos x="10552" y="622"/>
                </a:cxn>
                <a:cxn ang="0">
                  <a:pos x="10653" y="820"/>
                </a:cxn>
                <a:cxn ang="0">
                  <a:pos x="10349" y="407"/>
                </a:cxn>
                <a:cxn ang="0">
                  <a:pos x="10841" y="192"/>
                </a:cxn>
                <a:cxn ang="0">
                  <a:pos x="10838" y="361"/>
                </a:cxn>
                <a:cxn ang="0">
                  <a:pos x="9831" y="1080"/>
                </a:cxn>
                <a:cxn ang="0">
                  <a:pos x="9970" y="910"/>
                </a:cxn>
                <a:cxn ang="0">
                  <a:pos x="9739" y="810"/>
                </a:cxn>
                <a:cxn ang="0">
                  <a:pos x="9485" y="419"/>
                </a:cxn>
                <a:cxn ang="0">
                  <a:pos x="9940" y="186"/>
                </a:cxn>
                <a:cxn ang="0">
                  <a:pos x="10068" y="1034"/>
                </a:cxn>
                <a:cxn ang="0">
                  <a:pos x="9686" y="477"/>
                </a:cxn>
                <a:cxn ang="0">
                  <a:pos x="9964" y="650"/>
                </a:cxn>
                <a:cxn ang="0">
                  <a:pos x="9198" y="809"/>
                </a:cxn>
                <a:cxn ang="0">
                  <a:pos x="8715" y="727"/>
                </a:cxn>
                <a:cxn ang="0">
                  <a:pos x="9057" y="429"/>
                </a:cxn>
                <a:cxn ang="0">
                  <a:pos x="8889" y="181"/>
                </a:cxn>
                <a:cxn ang="0">
                  <a:pos x="9380" y="372"/>
                </a:cxn>
                <a:cxn ang="0">
                  <a:pos x="8926" y="692"/>
                </a:cxn>
                <a:cxn ang="0">
                  <a:pos x="8359" y="342"/>
                </a:cxn>
                <a:cxn ang="0">
                  <a:pos x="8095" y="239"/>
                </a:cxn>
                <a:cxn ang="0">
                  <a:pos x="8566" y="291"/>
                </a:cxn>
                <a:cxn ang="0">
                  <a:pos x="7198" y="807"/>
                </a:cxn>
                <a:cxn ang="0">
                  <a:pos x="7154" y="473"/>
                </a:cxn>
                <a:cxn ang="0">
                  <a:pos x="7375" y="289"/>
                </a:cxn>
                <a:cxn ang="0">
                  <a:pos x="7678" y="240"/>
                </a:cxn>
                <a:cxn ang="0">
                  <a:pos x="7260" y="590"/>
                </a:cxn>
                <a:cxn ang="0">
                  <a:pos x="7554" y="532"/>
                </a:cxn>
                <a:cxn ang="0">
                  <a:pos x="4892" y="745"/>
                </a:cxn>
                <a:cxn ang="0">
                  <a:pos x="5153" y="697"/>
                </a:cxn>
                <a:cxn ang="0">
                  <a:pos x="4355" y="677"/>
                </a:cxn>
                <a:cxn ang="0">
                  <a:pos x="4254" y="790"/>
                </a:cxn>
                <a:cxn ang="0">
                  <a:pos x="4121" y="308"/>
                </a:cxn>
                <a:cxn ang="0">
                  <a:pos x="4663" y="242"/>
                </a:cxn>
                <a:cxn ang="0">
                  <a:pos x="4502" y="303"/>
                </a:cxn>
                <a:cxn ang="0">
                  <a:pos x="3453" y="803"/>
                </a:cxn>
                <a:cxn ang="0">
                  <a:pos x="3754" y="592"/>
                </a:cxn>
                <a:cxn ang="0">
                  <a:pos x="3432" y="271"/>
                </a:cxn>
                <a:cxn ang="0">
                  <a:pos x="3768" y="285"/>
                </a:cxn>
                <a:cxn ang="0">
                  <a:pos x="3919" y="480"/>
                </a:cxn>
                <a:cxn ang="0">
                  <a:pos x="3861" y="797"/>
                </a:cxn>
                <a:cxn ang="0">
                  <a:pos x="3099" y="684"/>
                </a:cxn>
                <a:cxn ang="0">
                  <a:pos x="2749" y="431"/>
                </a:cxn>
                <a:cxn ang="0">
                  <a:pos x="3084" y="171"/>
                </a:cxn>
                <a:cxn ang="0">
                  <a:pos x="2945" y="373"/>
                </a:cxn>
                <a:cxn ang="0">
                  <a:pos x="3319" y="677"/>
                </a:cxn>
                <a:cxn ang="0">
                  <a:pos x="2314" y="484"/>
                </a:cxn>
              </a:cxnLst>
              <a:rect l="0" t="0" r="r" b="b"/>
              <a:pathLst>
                <a:path w="14384" h="1080">
                  <a:moveTo>
                    <a:pt x="220" y="824"/>
                  </a:moveTo>
                  <a:lnTo>
                    <a:pt x="194" y="824"/>
                  </a:lnTo>
                  <a:lnTo>
                    <a:pt x="167" y="823"/>
                  </a:lnTo>
                  <a:lnTo>
                    <a:pt x="139" y="822"/>
                  </a:lnTo>
                  <a:lnTo>
                    <a:pt x="111" y="821"/>
                  </a:lnTo>
                  <a:lnTo>
                    <a:pt x="82" y="819"/>
                  </a:lnTo>
                  <a:lnTo>
                    <a:pt x="54" y="817"/>
                  </a:lnTo>
                  <a:lnTo>
                    <a:pt x="26" y="814"/>
                  </a:lnTo>
                  <a:lnTo>
                    <a:pt x="0" y="811"/>
                  </a:lnTo>
                  <a:lnTo>
                    <a:pt x="0" y="656"/>
                  </a:lnTo>
                  <a:lnTo>
                    <a:pt x="25" y="662"/>
                  </a:lnTo>
                  <a:lnTo>
                    <a:pt x="52" y="666"/>
                  </a:lnTo>
                  <a:lnTo>
                    <a:pt x="77" y="669"/>
                  </a:lnTo>
                  <a:lnTo>
                    <a:pt x="103" y="671"/>
                  </a:lnTo>
                  <a:lnTo>
                    <a:pt x="127" y="672"/>
                  </a:lnTo>
                  <a:lnTo>
                    <a:pt x="148" y="673"/>
                  </a:lnTo>
                  <a:lnTo>
                    <a:pt x="168" y="674"/>
                  </a:lnTo>
                  <a:lnTo>
                    <a:pt x="183" y="674"/>
                  </a:lnTo>
                  <a:lnTo>
                    <a:pt x="203" y="673"/>
                  </a:lnTo>
                  <a:lnTo>
                    <a:pt x="223" y="670"/>
                  </a:lnTo>
                  <a:lnTo>
                    <a:pt x="241" y="666"/>
                  </a:lnTo>
                  <a:lnTo>
                    <a:pt x="257" y="660"/>
                  </a:lnTo>
                  <a:lnTo>
                    <a:pt x="272" y="652"/>
                  </a:lnTo>
                  <a:lnTo>
                    <a:pt x="285" y="644"/>
                  </a:lnTo>
                  <a:lnTo>
                    <a:pt x="297" y="634"/>
                  </a:lnTo>
                  <a:lnTo>
                    <a:pt x="308" y="623"/>
                  </a:lnTo>
                  <a:lnTo>
                    <a:pt x="317" y="611"/>
                  </a:lnTo>
                  <a:lnTo>
                    <a:pt x="326" y="598"/>
                  </a:lnTo>
                  <a:lnTo>
                    <a:pt x="332" y="582"/>
                  </a:lnTo>
                  <a:lnTo>
                    <a:pt x="338" y="566"/>
                  </a:lnTo>
                  <a:lnTo>
                    <a:pt x="342" y="549"/>
                  </a:lnTo>
                  <a:lnTo>
                    <a:pt x="345" y="531"/>
                  </a:lnTo>
                  <a:lnTo>
                    <a:pt x="346" y="511"/>
                  </a:lnTo>
                  <a:lnTo>
                    <a:pt x="347" y="491"/>
                  </a:lnTo>
                  <a:lnTo>
                    <a:pt x="347" y="0"/>
                  </a:lnTo>
                  <a:lnTo>
                    <a:pt x="586" y="0"/>
                  </a:lnTo>
                  <a:lnTo>
                    <a:pt x="586" y="518"/>
                  </a:lnTo>
                  <a:lnTo>
                    <a:pt x="586" y="536"/>
                  </a:lnTo>
                  <a:lnTo>
                    <a:pt x="584" y="553"/>
                  </a:lnTo>
                  <a:lnTo>
                    <a:pt x="582" y="569"/>
                  </a:lnTo>
                  <a:lnTo>
                    <a:pt x="580" y="584"/>
                  </a:lnTo>
                  <a:lnTo>
                    <a:pt x="576" y="601"/>
                  </a:lnTo>
                  <a:lnTo>
                    <a:pt x="572" y="616"/>
                  </a:lnTo>
                  <a:lnTo>
                    <a:pt x="567" y="630"/>
                  </a:lnTo>
                  <a:lnTo>
                    <a:pt x="561" y="644"/>
                  </a:lnTo>
                  <a:lnTo>
                    <a:pt x="553" y="659"/>
                  </a:lnTo>
                  <a:lnTo>
                    <a:pt x="546" y="672"/>
                  </a:lnTo>
                  <a:lnTo>
                    <a:pt x="538" y="684"/>
                  </a:lnTo>
                  <a:lnTo>
                    <a:pt x="530" y="696"/>
                  </a:lnTo>
                  <a:lnTo>
                    <a:pt x="520" y="708"/>
                  </a:lnTo>
                  <a:lnTo>
                    <a:pt x="510" y="719"/>
                  </a:lnTo>
                  <a:lnTo>
                    <a:pt x="500" y="731"/>
                  </a:lnTo>
                  <a:lnTo>
                    <a:pt x="487" y="741"/>
                  </a:lnTo>
                  <a:lnTo>
                    <a:pt x="475" y="751"/>
                  </a:lnTo>
                  <a:lnTo>
                    <a:pt x="463" y="760"/>
                  </a:lnTo>
                  <a:lnTo>
                    <a:pt x="449" y="768"/>
                  </a:lnTo>
                  <a:lnTo>
                    <a:pt x="435" y="776"/>
                  </a:lnTo>
                  <a:lnTo>
                    <a:pt x="420" y="783"/>
                  </a:lnTo>
                  <a:lnTo>
                    <a:pt x="405" y="791"/>
                  </a:lnTo>
                  <a:lnTo>
                    <a:pt x="389" y="797"/>
                  </a:lnTo>
                  <a:lnTo>
                    <a:pt x="372" y="803"/>
                  </a:lnTo>
                  <a:lnTo>
                    <a:pt x="355" y="808"/>
                  </a:lnTo>
                  <a:lnTo>
                    <a:pt x="338" y="812"/>
                  </a:lnTo>
                  <a:lnTo>
                    <a:pt x="319" y="816"/>
                  </a:lnTo>
                  <a:lnTo>
                    <a:pt x="300" y="819"/>
                  </a:lnTo>
                  <a:lnTo>
                    <a:pt x="281" y="821"/>
                  </a:lnTo>
                  <a:lnTo>
                    <a:pt x="261" y="823"/>
                  </a:lnTo>
                  <a:lnTo>
                    <a:pt x="241" y="824"/>
                  </a:lnTo>
                  <a:lnTo>
                    <a:pt x="220" y="824"/>
                  </a:lnTo>
                  <a:close/>
                  <a:moveTo>
                    <a:pt x="14216" y="824"/>
                  </a:moveTo>
                  <a:lnTo>
                    <a:pt x="14183" y="823"/>
                  </a:lnTo>
                  <a:lnTo>
                    <a:pt x="14151" y="821"/>
                  </a:lnTo>
                  <a:lnTo>
                    <a:pt x="14137" y="819"/>
                  </a:lnTo>
                  <a:lnTo>
                    <a:pt x="14123" y="817"/>
                  </a:lnTo>
                  <a:lnTo>
                    <a:pt x="14110" y="814"/>
                  </a:lnTo>
                  <a:lnTo>
                    <a:pt x="14098" y="811"/>
                  </a:lnTo>
                  <a:lnTo>
                    <a:pt x="14087" y="807"/>
                  </a:lnTo>
                  <a:lnTo>
                    <a:pt x="14076" y="803"/>
                  </a:lnTo>
                  <a:lnTo>
                    <a:pt x="14065" y="798"/>
                  </a:lnTo>
                  <a:lnTo>
                    <a:pt x="14055" y="793"/>
                  </a:lnTo>
                  <a:lnTo>
                    <a:pt x="14046" y="787"/>
                  </a:lnTo>
                  <a:lnTo>
                    <a:pt x="14038" y="781"/>
                  </a:lnTo>
                  <a:lnTo>
                    <a:pt x="14030" y="775"/>
                  </a:lnTo>
                  <a:lnTo>
                    <a:pt x="14023" y="768"/>
                  </a:lnTo>
                  <a:lnTo>
                    <a:pt x="14016" y="761"/>
                  </a:lnTo>
                  <a:lnTo>
                    <a:pt x="14010" y="753"/>
                  </a:lnTo>
                  <a:lnTo>
                    <a:pt x="14003" y="745"/>
                  </a:lnTo>
                  <a:lnTo>
                    <a:pt x="13998" y="736"/>
                  </a:lnTo>
                  <a:lnTo>
                    <a:pt x="13993" y="727"/>
                  </a:lnTo>
                  <a:lnTo>
                    <a:pt x="13989" y="716"/>
                  </a:lnTo>
                  <a:lnTo>
                    <a:pt x="13985" y="706"/>
                  </a:lnTo>
                  <a:lnTo>
                    <a:pt x="13982" y="695"/>
                  </a:lnTo>
                  <a:lnTo>
                    <a:pt x="13979" y="684"/>
                  </a:lnTo>
                  <a:lnTo>
                    <a:pt x="13977" y="672"/>
                  </a:lnTo>
                  <a:lnTo>
                    <a:pt x="13975" y="660"/>
                  </a:lnTo>
                  <a:lnTo>
                    <a:pt x="13973" y="646"/>
                  </a:lnTo>
                  <a:lnTo>
                    <a:pt x="13971" y="619"/>
                  </a:lnTo>
                  <a:lnTo>
                    <a:pt x="13970" y="589"/>
                  </a:lnTo>
                  <a:lnTo>
                    <a:pt x="13970" y="39"/>
                  </a:lnTo>
                  <a:lnTo>
                    <a:pt x="14168" y="39"/>
                  </a:lnTo>
                  <a:lnTo>
                    <a:pt x="14168" y="183"/>
                  </a:lnTo>
                  <a:lnTo>
                    <a:pt x="14384" y="183"/>
                  </a:lnTo>
                  <a:lnTo>
                    <a:pt x="14384" y="306"/>
                  </a:lnTo>
                  <a:lnTo>
                    <a:pt x="14168" y="306"/>
                  </a:lnTo>
                  <a:lnTo>
                    <a:pt x="14168" y="545"/>
                  </a:lnTo>
                  <a:lnTo>
                    <a:pt x="14169" y="566"/>
                  </a:lnTo>
                  <a:lnTo>
                    <a:pt x="14170" y="586"/>
                  </a:lnTo>
                  <a:lnTo>
                    <a:pt x="14171" y="604"/>
                  </a:lnTo>
                  <a:lnTo>
                    <a:pt x="14174" y="620"/>
                  </a:lnTo>
                  <a:lnTo>
                    <a:pt x="14177" y="633"/>
                  </a:lnTo>
                  <a:lnTo>
                    <a:pt x="14180" y="645"/>
                  </a:lnTo>
                  <a:lnTo>
                    <a:pt x="14186" y="656"/>
                  </a:lnTo>
                  <a:lnTo>
                    <a:pt x="14191" y="666"/>
                  </a:lnTo>
                  <a:lnTo>
                    <a:pt x="14198" y="673"/>
                  </a:lnTo>
                  <a:lnTo>
                    <a:pt x="14205" y="679"/>
                  </a:lnTo>
                  <a:lnTo>
                    <a:pt x="14212" y="685"/>
                  </a:lnTo>
                  <a:lnTo>
                    <a:pt x="14221" y="689"/>
                  </a:lnTo>
                  <a:lnTo>
                    <a:pt x="14230" y="692"/>
                  </a:lnTo>
                  <a:lnTo>
                    <a:pt x="14242" y="694"/>
                  </a:lnTo>
                  <a:lnTo>
                    <a:pt x="14253" y="696"/>
                  </a:lnTo>
                  <a:lnTo>
                    <a:pt x="14265" y="697"/>
                  </a:lnTo>
                  <a:lnTo>
                    <a:pt x="14275" y="698"/>
                  </a:lnTo>
                  <a:lnTo>
                    <a:pt x="14287" y="697"/>
                  </a:lnTo>
                  <a:lnTo>
                    <a:pt x="14302" y="697"/>
                  </a:lnTo>
                  <a:lnTo>
                    <a:pt x="14317" y="695"/>
                  </a:lnTo>
                  <a:lnTo>
                    <a:pt x="14333" y="693"/>
                  </a:lnTo>
                  <a:lnTo>
                    <a:pt x="14349" y="690"/>
                  </a:lnTo>
                  <a:lnTo>
                    <a:pt x="14367" y="687"/>
                  </a:lnTo>
                  <a:lnTo>
                    <a:pt x="14384" y="682"/>
                  </a:lnTo>
                  <a:lnTo>
                    <a:pt x="14384" y="811"/>
                  </a:lnTo>
                  <a:lnTo>
                    <a:pt x="14365" y="814"/>
                  </a:lnTo>
                  <a:lnTo>
                    <a:pt x="14343" y="817"/>
                  </a:lnTo>
                  <a:lnTo>
                    <a:pt x="14321" y="819"/>
                  </a:lnTo>
                  <a:lnTo>
                    <a:pt x="14299" y="821"/>
                  </a:lnTo>
                  <a:lnTo>
                    <a:pt x="14276" y="822"/>
                  </a:lnTo>
                  <a:lnTo>
                    <a:pt x="14254" y="823"/>
                  </a:lnTo>
                  <a:lnTo>
                    <a:pt x="14234" y="824"/>
                  </a:lnTo>
                  <a:lnTo>
                    <a:pt x="14216" y="824"/>
                  </a:lnTo>
                  <a:close/>
                  <a:moveTo>
                    <a:pt x="13638" y="809"/>
                  </a:moveTo>
                  <a:lnTo>
                    <a:pt x="13638" y="516"/>
                  </a:lnTo>
                  <a:lnTo>
                    <a:pt x="13638" y="495"/>
                  </a:lnTo>
                  <a:lnTo>
                    <a:pt x="13638" y="474"/>
                  </a:lnTo>
                  <a:lnTo>
                    <a:pt x="13637" y="453"/>
                  </a:lnTo>
                  <a:lnTo>
                    <a:pt x="13636" y="434"/>
                  </a:lnTo>
                  <a:lnTo>
                    <a:pt x="13633" y="415"/>
                  </a:lnTo>
                  <a:lnTo>
                    <a:pt x="13630" y="398"/>
                  </a:lnTo>
                  <a:lnTo>
                    <a:pt x="13625" y="381"/>
                  </a:lnTo>
                  <a:lnTo>
                    <a:pt x="13619" y="367"/>
                  </a:lnTo>
                  <a:lnTo>
                    <a:pt x="13615" y="360"/>
                  </a:lnTo>
                  <a:lnTo>
                    <a:pt x="13611" y="353"/>
                  </a:lnTo>
                  <a:lnTo>
                    <a:pt x="13606" y="347"/>
                  </a:lnTo>
                  <a:lnTo>
                    <a:pt x="13600" y="342"/>
                  </a:lnTo>
                  <a:lnTo>
                    <a:pt x="13595" y="336"/>
                  </a:lnTo>
                  <a:lnTo>
                    <a:pt x="13589" y="331"/>
                  </a:lnTo>
                  <a:lnTo>
                    <a:pt x="13582" y="326"/>
                  </a:lnTo>
                  <a:lnTo>
                    <a:pt x="13575" y="322"/>
                  </a:lnTo>
                  <a:lnTo>
                    <a:pt x="13567" y="318"/>
                  </a:lnTo>
                  <a:lnTo>
                    <a:pt x="13559" y="315"/>
                  </a:lnTo>
                  <a:lnTo>
                    <a:pt x="13549" y="312"/>
                  </a:lnTo>
                  <a:lnTo>
                    <a:pt x="13539" y="310"/>
                  </a:lnTo>
                  <a:lnTo>
                    <a:pt x="13528" y="308"/>
                  </a:lnTo>
                  <a:lnTo>
                    <a:pt x="13517" y="307"/>
                  </a:lnTo>
                  <a:lnTo>
                    <a:pt x="13505" y="306"/>
                  </a:lnTo>
                  <a:lnTo>
                    <a:pt x="13492" y="306"/>
                  </a:lnTo>
                  <a:lnTo>
                    <a:pt x="13481" y="306"/>
                  </a:lnTo>
                  <a:lnTo>
                    <a:pt x="13471" y="307"/>
                  </a:lnTo>
                  <a:lnTo>
                    <a:pt x="13461" y="308"/>
                  </a:lnTo>
                  <a:lnTo>
                    <a:pt x="13450" y="310"/>
                  </a:lnTo>
                  <a:lnTo>
                    <a:pt x="13439" y="312"/>
                  </a:lnTo>
                  <a:lnTo>
                    <a:pt x="13428" y="315"/>
                  </a:lnTo>
                  <a:lnTo>
                    <a:pt x="13417" y="319"/>
                  </a:lnTo>
                  <a:lnTo>
                    <a:pt x="13407" y="323"/>
                  </a:lnTo>
                  <a:lnTo>
                    <a:pt x="13396" y="328"/>
                  </a:lnTo>
                  <a:lnTo>
                    <a:pt x="13386" y="334"/>
                  </a:lnTo>
                  <a:lnTo>
                    <a:pt x="13376" y="340"/>
                  </a:lnTo>
                  <a:lnTo>
                    <a:pt x="13365" y="347"/>
                  </a:lnTo>
                  <a:lnTo>
                    <a:pt x="13355" y="354"/>
                  </a:lnTo>
                  <a:lnTo>
                    <a:pt x="13346" y="362"/>
                  </a:lnTo>
                  <a:lnTo>
                    <a:pt x="13337" y="371"/>
                  </a:lnTo>
                  <a:lnTo>
                    <a:pt x="13328" y="381"/>
                  </a:lnTo>
                  <a:lnTo>
                    <a:pt x="13328" y="809"/>
                  </a:lnTo>
                  <a:lnTo>
                    <a:pt x="13130" y="809"/>
                  </a:lnTo>
                  <a:lnTo>
                    <a:pt x="13130" y="183"/>
                  </a:lnTo>
                  <a:lnTo>
                    <a:pt x="13328" y="183"/>
                  </a:lnTo>
                  <a:lnTo>
                    <a:pt x="13328" y="248"/>
                  </a:lnTo>
                  <a:lnTo>
                    <a:pt x="13338" y="239"/>
                  </a:lnTo>
                  <a:lnTo>
                    <a:pt x="13348" y="231"/>
                  </a:lnTo>
                  <a:lnTo>
                    <a:pt x="13359" y="224"/>
                  </a:lnTo>
                  <a:lnTo>
                    <a:pt x="13371" y="217"/>
                  </a:lnTo>
                  <a:lnTo>
                    <a:pt x="13385" y="210"/>
                  </a:lnTo>
                  <a:lnTo>
                    <a:pt x="13398" y="204"/>
                  </a:lnTo>
                  <a:lnTo>
                    <a:pt x="13411" y="197"/>
                  </a:lnTo>
                  <a:lnTo>
                    <a:pt x="13426" y="192"/>
                  </a:lnTo>
                  <a:lnTo>
                    <a:pt x="13441" y="187"/>
                  </a:lnTo>
                  <a:lnTo>
                    <a:pt x="13456" y="183"/>
                  </a:lnTo>
                  <a:lnTo>
                    <a:pt x="13472" y="179"/>
                  </a:lnTo>
                  <a:lnTo>
                    <a:pt x="13487" y="176"/>
                  </a:lnTo>
                  <a:lnTo>
                    <a:pt x="13504" y="174"/>
                  </a:lnTo>
                  <a:lnTo>
                    <a:pt x="13521" y="172"/>
                  </a:lnTo>
                  <a:lnTo>
                    <a:pt x="13537" y="171"/>
                  </a:lnTo>
                  <a:lnTo>
                    <a:pt x="13555" y="170"/>
                  </a:lnTo>
                  <a:lnTo>
                    <a:pt x="13577" y="171"/>
                  </a:lnTo>
                  <a:lnTo>
                    <a:pt x="13598" y="172"/>
                  </a:lnTo>
                  <a:lnTo>
                    <a:pt x="13619" y="174"/>
                  </a:lnTo>
                  <a:lnTo>
                    <a:pt x="13638" y="177"/>
                  </a:lnTo>
                  <a:lnTo>
                    <a:pt x="13655" y="180"/>
                  </a:lnTo>
                  <a:lnTo>
                    <a:pt x="13673" y="184"/>
                  </a:lnTo>
                  <a:lnTo>
                    <a:pt x="13689" y="189"/>
                  </a:lnTo>
                  <a:lnTo>
                    <a:pt x="13703" y="195"/>
                  </a:lnTo>
                  <a:lnTo>
                    <a:pt x="13717" y="202"/>
                  </a:lnTo>
                  <a:lnTo>
                    <a:pt x="13730" y="208"/>
                  </a:lnTo>
                  <a:lnTo>
                    <a:pt x="13742" y="216"/>
                  </a:lnTo>
                  <a:lnTo>
                    <a:pt x="13753" y="223"/>
                  </a:lnTo>
                  <a:lnTo>
                    <a:pt x="13763" y="232"/>
                  </a:lnTo>
                  <a:lnTo>
                    <a:pt x="13773" y="240"/>
                  </a:lnTo>
                  <a:lnTo>
                    <a:pt x="13782" y="250"/>
                  </a:lnTo>
                  <a:lnTo>
                    <a:pt x="13790" y="259"/>
                  </a:lnTo>
                  <a:lnTo>
                    <a:pt x="13797" y="270"/>
                  </a:lnTo>
                  <a:lnTo>
                    <a:pt x="13803" y="281"/>
                  </a:lnTo>
                  <a:lnTo>
                    <a:pt x="13809" y="291"/>
                  </a:lnTo>
                  <a:lnTo>
                    <a:pt x="13814" y="302"/>
                  </a:lnTo>
                  <a:lnTo>
                    <a:pt x="13818" y="314"/>
                  </a:lnTo>
                  <a:lnTo>
                    <a:pt x="13822" y="325"/>
                  </a:lnTo>
                  <a:lnTo>
                    <a:pt x="13826" y="338"/>
                  </a:lnTo>
                  <a:lnTo>
                    <a:pt x="13829" y="350"/>
                  </a:lnTo>
                  <a:lnTo>
                    <a:pt x="13833" y="375"/>
                  </a:lnTo>
                  <a:lnTo>
                    <a:pt x="13837" y="401"/>
                  </a:lnTo>
                  <a:lnTo>
                    <a:pt x="13839" y="426"/>
                  </a:lnTo>
                  <a:lnTo>
                    <a:pt x="13839" y="452"/>
                  </a:lnTo>
                  <a:lnTo>
                    <a:pt x="13839" y="809"/>
                  </a:lnTo>
                  <a:lnTo>
                    <a:pt x="13638" y="809"/>
                  </a:lnTo>
                  <a:close/>
                  <a:moveTo>
                    <a:pt x="12516" y="549"/>
                  </a:moveTo>
                  <a:lnTo>
                    <a:pt x="12517" y="558"/>
                  </a:lnTo>
                  <a:lnTo>
                    <a:pt x="12519" y="567"/>
                  </a:lnTo>
                  <a:lnTo>
                    <a:pt x="12521" y="576"/>
                  </a:lnTo>
                  <a:lnTo>
                    <a:pt x="12524" y="584"/>
                  </a:lnTo>
                  <a:lnTo>
                    <a:pt x="12527" y="593"/>
                  </a:lnTo>
                  <a:lnTo>
                    <a:pt x="12530" y="600"/>
                  </a:lnTo>
                  <a:lnTo>
                    <a:pt x="12534" y="608"/>
                  </a:lnTo>
                  <a:lnTo>
                    <a:pt x="12538" y="615"/>
                  </a:lnTo>
                  <a:lnTo>
                    <a:pt x="12547" y="628"/>
                  </a:lnTo>
                  <a:lnTo>
                    <a:pt x="12558" y="640"/>
                  </a:lnTo>
                  <a:lnTo>
                    <a:pt x="12572" y="651"/>
                  </a:lnTo>
                  <a:lnTo>
                    <a:pt x="12586" y="661"/>
                  </a:lnTo>
                  <a:lnTo>
                    <a:pt x="12601" y="670"/>
                  </a:lnTo>
                  <a:lnTo>
                    <a:pt x="12618" y="677"/>
                  </a:lnTo>
                  <a:lnTo>
                    <a:pt x="12636" y="683"/>
                  </a:lnTo>
                  <a:lnTo>
                    <a:pt x="12655" y="688"/>
                  </a:lnTo>
                  <a:lnTo>
                    <a:pt x="12676" y="692"/>
                  </a:lnTo>
                  <a:lnTo>
                    <a:pt x="12698" y="695"/>
                  </a:lnTo>
                  <a:lnTo>
                    <a:pt x="12720" y="697"/>
                  </a:lnTo>
                  <a:lnTo>
                    <a:pt x="12745" y="697"/>
                  </a:lnTo>
                  <a:lnTo>
                    <a:pt x="12773" y="697"/>
                  </a:lnTo>
                  <a:lnTo>
                    <a:pt x="12800" y="695"/>
                  </a:lnTo>
                  <a:lnTo>
                    <a:pt x="12825" y="693"/>
                  </a:lnTo>
                  <a:lnTo>
                    <a:pt x="12850" y="690"/>
                  </a:lnTo>
                  <a:lnTo>
                    <a:pt x="12875" y="686"/>
                  </a:lnTo>
                  <a:lnTo>
                    <a:pt x="12900" y="681"/>
                  </a:lnTo>
                  <a:lnTo>
                    <a:pt x="12926" y="675"/>
                  </a:lnTo>
                  <a:lnTo>
                    <a:pt x="12953" y="667"/>
                  </a:lnTo>
                  <a:lnTo>
                    <a:pt x="12953" y="794"/>
                  </a:lnTo>
                  <a:lnTo>
                    <a:pt x="12929" y="801"/>
                  </a:lnTo>
                  <a:lnTo>
                    <a:pt x="12904" y="806"/>
                  </a:lnTo>
                  <a:lnTo>
                    <a:pt x="12878" y="811"/>
                  </a:lnTo>
                  <a:lnTo>
                    <a:pt x="12851" y="816"/>
                  </a:lnTo>
                  <a:lnTo>
                    <a:pt x="12823" y="819"/>
                  </a:lnTo>
                  <a:lnTo>
                    <a:pt x="12793" y="822"/>
                  </a:lnTo>
                  <a:lnTo>
                    <a:pt x="12761" y="823"/>
                  </a:lnTo>
                  <a:lnTo>
                    <a:pt x="12727" y="824"/>
                  </a:lnTo>
                  <a:lnTo>
                    <a:pt x="12706" y="824"/>
                  </a:lnTo>
                  <a:lnTo>
                    <a:pt x="12685" y="823"/>
                  </a:lnTo>
                  <a:lnTo>
                    <a:pt x="12664" y="822"/>
                  </a:lnTo>
                  <a:lnTo>
                    <a:pt x="12644" y="820"/>
                  </a:lnTo>
                  <a:lnTo>
                    <a:pt x="12625" y="817"/>
                  </a:lnTo>
                  <a:lnTo>
                    <a:pt x="12605" y="814"/>
                  </a:lnTo>
                  <a:lnTo>
                    <a:pt x="12587" y="811"/>
                  </a:lnTo>
                  <a:lnTo>
                    <a:pt x="12569" y="806"/>
                  </a:lnTo>
                  <a:lnTo>
                    <a:pt x="12550" y="801"/>
                  </a:lnTo>
                  <a:lnTo>
                    <a:pt x="12533" y="796"/>
                  </a:lnTo>
                  <a:lnTo>
                    <a:pt x="12517" y="790"/>
                  </a:lnTo>
                  <a:lnTo>
                    <a:pt x="12500" y="782"/>
                  </a:lnTo>
                  <a:lnTo>
                    <a:pt x="12485" y="775"/>
                  </a:lnTo>
                  <a:lnTo>
                    <a:pt x="12470" y="767"/>
                  </a:lnTo>
                  <a:lnTo>
                    <a:pt x="12456" y="758"/>
                  </a:lnTo>
                  <a:lnTo>
                    <a:pt x="12442" y="749"/>
                  </a:lnTo>
                  <a:lnTo>
                    <a:pt x="12429" y="739"/>
                  </a:lnTo>
                  <a:lnTo>
                    <a:pt x="12417" y="729"/>
                  </a:lnTo>
                  <a:lnTo>
                    <a:pt x="12405" y="716"/>
                  </a:lnTo>
                  <a:lnTo>
                    <a:pt x="12395" y="704"/>
                  </a:lnTo>
                  <a:lnTo>
                    <a:pt x="12384" y="692"/>
                  </a:lnTo>
                  <a:lnTo>
                    <a:pt x="12375" y="678"/>
                  </a:lnTo>
                  <a:lnTo>
                    <a:pt x="12366" y="664"/>
                  </a:lnTo>
                  <a:lnTo>
                    <a:pt x="12359" y="649"/>
                  </a:lnTo>
                  <a:lnTo>
                    <a:pt x="12352" y="633"/>
                  </a:lnTo>
                  <a:lnTo>
                    <a:pt x="12346" y="617"/>
                  </a:lnTo>
                  <a:lnTo>
                    <a:pt x="12341" y="600"/>
                  </a:lnTo>
                  <a:lnTo>
                    <a:pt x="12337" y="581"/>
                  </a:lnTo>
                  <a:lnTo>
                    <a:pt x="12332" y="563"/>
                  </a:lnTo>
                  <a:lnTo>
                    <a:pt x="12330" y="543"/>
                  </a:lnTo>
                  <a:lnTo>
                    <a:pt x="12328" y="522"/>
                  </a:lnTo>
                  <a:lnTo>
                    <a:pt x="12328" y="501"/>
                  </a:lnTo>
                  <a:lnTo>
                    <a:pt x="12328" y="485"/>
                  </a:lnTo>
                  <a:lnTo>
                    <a:pt x="12329" y="470"/>
                  </a:lnTo>
                  <a:lnTo>
                    <a:pt x="12331" y="453"/>
                  </a:lnTo>
                  <a:lnTo>
                    <a:pt x="12333" y="438"/>
                  </a:lnTo>
                  <a:lnTo>
                    <a:pt x="12337" y="422"/>
                  </a:lnTo>
                  <a:lnTo>
                    <a:pt x="12340" y="407"/>
                  </a:lnTo>
                  <a:lnTo>
                    <a:pt x="12345" y="392"/>
                  </a:lnTo>
                  <a:lnTo>
                    <a:pt x="12350" y="377"/>
                  </a:lnTo>
                  <a:lnTo>
                    <a:pt x="12355" y="363"/>
                  </a:lnTo>
                  <a:lnTo>
                    <a:pt x="12361" y="349"/>
                  </a:lnTo>
                  <a:lnTo>
                    <a:pt x="12368" y="335"/>
                  </a:lnTo>
                  <a:lnTo>
                    <a:pt x="12376" y="321"/>
                  </a:lnTo>
                  <a:lnTo>
                    <a:pt x="12384" y="308"/>
                  </a:lnTo>
                  <a:lnTo>
                    <a:pt x="12394" y="295"/>
                  </a:lnTo>
                  <a:lnTo>
                    <a:pt x="12403" y="283"/>
                  </a:lnTo>
                  <a:lnTo>
                    <a:pt x="12414" y="272"/>
                  </a:lnTo>
                  <a:lnTo>
                    <a:pt x="12425" y="260"/>
                  </a:lnTo>
                  <a:lnTo>
                    <a:pt x="12436" y="249"/>
                  </a:lnTo>
                  <a:lnTo>
                    <a:pt x="12449" y="239"/>
                  </a:lnTo>
                  <a:lnTo>
                    <a:pt x="12463" y="230"/>
                  </a:lnTo>
                  <a:lnTo>
                    <a:pt x="12476" y="221"/>
                  </a:lnTo>
                  <a:lnTo>
                    <a:pt x="12491" y="213"/>
                  </a:lnTo>
                  <a:lnTo>
                    <a:pt x="12506" y="205"/>
                  </a:lnTo>
                  <a:lnTo>
                    <a:pt x="12523" y="197"/>
                  </a:lnTo>
                  <a:lnTo>
                    <a:pt x="12540" y="191"/>
                  </a:lnTo>
                  <a:lnTo>
                    <a:pt x="12557" y="186"/>
                  </a:lnTo>
                  <a:lnTo>
                    <a:pt x="12576" y="181"/>
                  </a:lnTo>
                  <a:lnTo>
                    <a:pt x="12595" y="177"/>
                  </a:lnTo>
                  <a:lnTo>
                    <a:pt x="12615" y="174"/>
                  </a:lnTo>
                  <a:lnTo>
                    <a:pt x="12636" y="172"/>
                  </a:lnTo>
                  <a:lnTo>
                    <a:pt x="12657" y="171"/>
                  </a:lnTo>
                  <a:lnTo>
                    <a:pt x="12679" y="170"/>
                  </a:lnTo>
                  <a:lnTo>
                    <a:pt x="12702" y="171"/>
                  </a:lnTo>
                  <a:lnTo>
                    <a:pt x="12722" y="172"/>
                  </a:lnTo>
                  <a:lnTo>
                    <a:pt x="12743" y="173"/>
                  </a:lnTo>
                  <a:lnTo>
                    <a:pt x="12762" y="176"/>
                  </a:lnTo>
                  <a:lnTo>
                    <a:pt x="12780" y="179"/>
                  </a:lnTo>
                  <a:lnTo>
                    <a:pt x="12799" y="182"/>
                  </a:lnTo>
                  <a:lnTo>
                    <a:pt x="12816" y="187"/>
                  </a:lnTo>
                  <a:lnTo>
                    <a:pt x="12832" y="192"/>
                  </a:lnTo>
                  <a:lnTo>
                    <a:pt x="12847" y="197"/>
                  </a:lnTo>
                  <a:lnTo>
                    <a:pt x="12862" y="204"/>
                  </a:lnTo>
                  <a:lnTo>
                    <a:pt x="12876" y="211"/>
                  </a:lnTo>
                  <a:lnTo>
                    <a:pt x="12889" y="218"/>
                  </a:lnTo>
                  <a:lnTo>
                    <a:pt x="12902" y="225"/>
                  </a:lnTo>
                  <a:lnTo>
                    <a:pt x="12915" y="233"/>
                  </a:lnTo>
                  <a:lnTo>
                    <a:pt x="12926" y="242"/>
                  </a:lnTo>
                  <a:lnTo>
                    <a:pt x="12936" y="251"/>
                  </a:lnTo>
                  <a:lnTo>
                    <a:pt x="12946" y="261"/>
                  </a:lnTo>
                  <a:lnTo>
                    <a:pt x="12955" y="272"/>
                  </a:lnTo>
                  <a:lnTo>
                    <a:pt x="12964" y="282"/>
                  </a:lnTo>
                  <a:lnTo>
                    <a:pt x="12973" y="293"/>
                  </a:lnTo>
                  <a:lnTo>
                    <a:pt x="12980" y="304"/>
                  </a:lnTo>
                  <a:lnTo>
                    <a:pt x="12987" y="316"/>
                  </a:lnTo>
                  <a:lnTo>
                    <a:pt x="12994" y="328"/>
                  </a:lnTo>
                  <a:lnTo>
                    <a:pt x="12999" y="341"/>
                  </a:lnTo>
                  <a:lnTo>
                    <a:pt x="13004" y="354"/>
                  </a:lnTo>
                  <a:lnTo>
                    <a:pt x="13009" y="367"/>
                  </a:lnTo>
                  <a:lnTo>
                    <a:pt x="13013" y="380"/>
                  </a:lnTo>
                  <a:lnTo>
                    <a:pt x="13017" y="394"/>
                  </a:lnTo>
                  <a:lnTo>
                    <a:pt x="13020" y="409"/>
                  </a:lnTo>
                  <a:lnTo>
                    <a:pt x="13022" y="423"/>
                  </a:lnTo>
                  <a:lnTo>
                    <a:pt x="13024" y="437"/>
                  </a:lnTo>
                  <a:lnTo>
                    <a:pt x="13026" y="452"/>
                  </a:lnTo>
                  <a:lnTo>
                    <a:pt x="13028" y="476"/>
                  </a:lnTo>
                  <a:lnTo>
                    <a:pt x="13029" y="502"/>
                  </a:lnTo>
                  <a:lnTo>
                    <a:pt x="13028" y="528"/>
                  </a:lnTo>
                  <a:lnTo>
                    <a:pt x="13026" y="549"/>
                  </a:lnTo>
                  <a:lnTo>
                    <a:pt x="12516" y="549"/>
                  </a:lnTo>
                  <a:close/>
                  <a:moveTo>
                    <a:pt x="12845" y="407"/>
                  </a:moveTo>
                  <a:lnTo>
                    <a:pt x="12842" y="394"/>
                  </a:lnTo>
                  <a:lnTo>
                    <a:pt x="12838" y="383"/>
                  </a:lnTo>
                  <a:lnTo>
                    <a:pt x="12834" y="372"/>
                  </a:lnTo>
                  <a:lnTo>
                    <a:pt x="12828" y="361"/>
                  </a:lnTo>
                  <a:lnTo>
                    <a:pt x="12822" y="351"/>
                  </a:lnTo>
                  <a:lnTo>
                    <a:pt x="12815" y="341"/>
                  </a:lnTo>
                  <a:lnTo>
                    <a:pt x="12807" y="333"/>
                  </a:lnTo>
                  <a:lnTo>
                    <a:pt x="12798" y="323"/>
                  </a:lnTo>
                  <a:lnTo>
                    <a:pt x="12788" y="316"/>
                  </a:lnTo>
                  <a:lnTo>
                    <a:pt x="12777" y="309"/>
                  </a:lnTo>
                  <a:lnTo>
                    <a:pt x="12765" y="303"/>
                  </a:lnTo>
                  <a:lnTo>
                    <a:pt x="12753" y="298"/>
                  </a:lnTo>
                  <a:lnTo>
                    <a:pt x="12739" y="294"/>
                  </a:lnTo>
                  <a:lnTo>
                    <a:pt x="12723" y="291"/>
                  </a:lnTo>
                  <a:lnTo>
                    <a:pt x="12708" y="289"/>
                  </a:lnTo>
                  <a:lnTo>
                    <a:pt x="12691" y="289"/>
                  </a:lnTo>
                  <a:lnTo>
                    <a:pt x="12670" y="290"/>
                  </a:lnTo>
                  <a:lnTo>
                    <a:pt x="12652" y="292"/>
                  </a:lnTo>
                  <a:lnTo>
                    <a:pt x="12634" y="296"/>
                  </a:lnTo>
                  <a:lnTo>
                    <a:pt x="12618" y="301"/>
                  </a:lnTo>
                  <a:lnTo>
                    <a:pt x="12603" y="307"/>
                  </a:lnTo>
                  <a:lnTo>
                    <a:pt x="12589" y="314"/>
                  </a:lnTo>
                  <a:lnTo>
                    <a:pt x="12577" y="323"/>
                  </a:lnTo>
                  <a:lnTo>
                    <a:pt x="12566" y="333"/>
                  </a:lnTo>
                  <a:lnTo>
                    <a:pt x="12555" y="344"/>
                  </a:lnTo>
                  <a:lnTo>
                    <a:pt x="12546" y="355"/>
                  </a:lnTo>
                  <a:lnTo>
                    <a:pt x="12538" y="367"/>
                  </a:lnTo>
                  <a:lnTo>
                    <a:pt x="12531" y="380"/>
                  </a:lnTo>
                  <a:lnTo>
                    <a:pt x="12526" y="393"/>
                  </a:lnTo>
                  <a:lnTo>
                    <a:pt x="12522" y="408"/>
                  </a:lnTo>
                  <a:lnTo>
                    <a:pt x="12518" y="422"/>
                  </a:lnTo>
                  <a:lnTo>
                    <a:pt x="12516" y="437"/>
                  </a:lnTo>
                  <a:lnTo>
                    <a:pt x="12847" y="437"/>
                  </a:lnTo>
                  <a:lnTo>
                    <a:pt x="12847" y="430"/>
                  </a:lnTo>
                  <a:lnTo>
                    <a:pt x="12847" y="423"/>
                  </a:lnTo>
                  <a:lnTo>
                    <a:pt x="12846" y="415"/>
                  </a:lnTo>
                  <a:lnTo>
                    <a:pt x="12845" y="407"/>
                  </a:lnTo>
                  <a:close/>
                  <a:moveTo>
                    <a:pt x="12033" y="809"/>
                  </a:moveTo>
                  <a:lnTo>
                    <a:pt x="12033" y="516"/>
                  </a:lnTo>
                  <a:lnTo>
                    <a:pt x="12033" y="474"/>
                  </a:lnTo>
                  <a:lnTo>
                    <a:pt x="12031" y="434"/>
                  </a:lnTo>
                  <a:lnTo>
                    <a:pt x="12029" y="415"/>
                  </a:lnTo>
                  <a:lnTo>
                    <a:pt x="12026" y="398"/>
                  </a:lnTo>
                  <a:lnTo>
                    <a:pt x="12023" y="381"/>
                  </a:lnTo>
                  <a:lnTo>
                    <a:pt x="12018" y="367"/>
                  </a:lnTo>
                  <a:lnTo>
                    <a:pt x="12012" y="353"/>
                  </a:lnTo>
                  <a:lnTo>
                    <a:pt x="12004" y="342"/>
                  </a:lnTo>
                  <a:lnTo>
                    <a:pt x="12000" y="336"/>
                  </a:lnTo>
                  <a:lnTo>
                    <a:pt x="11995" y="331"/>
                  </a:lnTo>
                  <a:lnTo>
                    <a:pt x="11989" y="326"/>
                  </a:lnTo>
                  <a:lnTo>
                    <a:pt x="11983" y="322"/>
                  </a:lnTo>
                  <a:lnTo>
                    <a:pt x="11976" y="318"/>
                  </a:lnTo>
                  <a:lnTo>
                    <a:pt x="11970" y="315"/>
                  </a:lnTo>
                  <a:lnTo>
                    <a:pt x="11962" y="312"/>
                  </a:lnTo>
                  <a:lnTo>
                    <a:pt x="11955" y="310"/>
                  </a:lnTo>
                  <a:lnTo>
                    <a:pt x="11946" y="308"/>
                  </a:lnTo>
                  <a:lnTo>
                    <a:pt x="11937" y="307"/>
                  </a:lnTo>
                  <a:lnTo>
                    <a:pt x="11927" y="306"/>
                  </a:lnTo>
                  <a:lnTo>
                    <a:pt x="11917" y="306"/>
                  </a:lnTo>
                  <a:lnTo>
                    <a:pt x="11908" y="306"/>
                  </a:lnTo>
                  <a:lnTo>
                    <a:pt x="11899" y="307"/>
                  </a:lnTo>
                  <a:lnTo>
                    <a:pt x="11890" y="309"/>
                  </a:lnTo>
                  <a:lnTo>
                    <a:pt x="11881" y="311"/>
                  </a:lnTo>
                  <a:lnTo>
                    <a:pt x="11871" y="313"/>
                  </a:lnTo>
                  <a:lnTo>
                    <a:pt x="11863" y="317"/>
                  </a:lnTo>
                  <a:lnTo>
                    <a:pt x="11854" y="321"/>
                  </a:lnTo>
                  <a:lnTo>
                    <a:pt x="11846" y="325"/>
                  </a:lnTo>
                  <a:lnTo>
                    <a:pt x="11837" y="331"/>
                  </a:lnTo>
                  <a:lnTo>
                    <a:pt x="11829" y="337"/>
                  </a:lnTo>
                  <a:lnTo>
                    <a:pt x="11822" y="343"/>
                  </a:lnTo>
                  <a:lnTo>
                    <a:pt x="11813" y="350"/>
                  </a:lnTo>
                  <a:lnTo>
                    <a:pt x="11806" y="357"/>
                  </a:lnTo>
                  <a:lnTo>
                    <a:pt x="11800" y="364"/>
                  </a:lnTo>
                  <a:lnTo>
                    <a:pt x="11793" y="372"/>
                  </a:lnTo>
                  <a:lnTo>
                    <a:pt x="11788" y="381"/>
                  </a:lnTo>
                  <a:lnTo>
                    <a:pt x="11788" y="809"/>
                  </a:lnTo>
                  <a:lnTo>
                    <a:pt x="11588" y="809"/>
                  </a:lnTo>
                  <a:lnTo>
                    <a:pt x="11588" y="516"/>
                  </a:lnTo>
                  <a:lnTo>
                    <a:pt x="11587" y="474"/>
                  </a:lnTo>
                  <a:lnTo>
                    <a:pt x="11586" y="434"/>
                  </a:lnTo>
                  <a:lnTo>
                    <a:pt x="11583" y="415"/>
                  </a:lnTo>
                  <a:lnTo>
                    <a:pt x="11580" y="398"/>
                  </a:lnTo>
                  <a:lnTo>
                    <a:pt x="11576" y="381"/>
                  </a:lnTo>
                  <a:lnTo>
                    <a:pt x="11572" y="367"/>
                  </a:lnTo>
                  <a:lnTo>
                    <a:pt x="11565" y="353"/>
                  </a:lnTo>
                  <a:lnTo>
                    <a:pt x="11558" y="342"/>
                  </a:lnTo>
                  <a:lnTo>
                    <a:pt x="11553" y="336"/>
                  </a:lnTo>
                  <a:lnTo>
                    <a:pt x="11549" y="331"/>
                  </a:lnTo>
                  <a:lnTo>
                    <a:pt x="11543" y="326"/>
                  </a:lnTo>
                  <a:lnTo>
                    <a:pt x="11538" y="322"/>
                  </a:lnTo>
                  <a:lnTo>
                    <a:pt x="11531" y="318"/>
                  </a:lnTo>
                  <a:lnTo>
                    <a:pt x="11524" y="315"/>
                  </a:lnTo>
                  <a:lnTo>
                    <a:pt x="11516" y="312"/>
                  </a:lnTo>
                  <a:lnTo>
                    <a:pt x="11508" y="310"/>
                  </a:lnTo>
                  <a:lnTo>
                    <a:pt x="11500" y="308"/>
                  </a:lnTo>
                  <a:lnTo>
                    <a:pt x="11491" y="307"/>
                  </a:lnTo>
                  <a:lnTo>
                    <a:pt x="11481" y="306"/>
                  </a:lnTo>
                  <a:lnTo>
                    <a:pt x="11471" y="306"/>
                  </a:lnTo>
                  <a:lnTo>
                    <a:pt x="11462" y="306"/>
                  </a:lnTo>
                  <a:lnTo>
                    <a:pt x="11454" y="307"/>
                  </a:lnTo>
                  <a:lnTo>
                    <a:pt x="11446" y="308"/>
                  </a:lnTo>
                  <a:lnTo>
                    <a:pt x="11437" y="310"/>
                  </a:lnTo>
                  <a:lnTo>
                    <a:pt x="11429" y="312"/>
                  </a:lnTo>
                  <a:lnTo>
                    <a:pt x="11420" y="315"/>
                  </a:lnTo>
                  <a:lnTo>
                    <a:pt x="11412" y="319"/>
                  </a:lnTo>
                  <a:lnTo>
                    <a:pt x="11402" y="323"/>
                  </a:lnTo>
                  <a:lnTo>
                    <a:pt x="11394" y="328"/>
                  </a:lnTo>
                  <a:lnTo>
                    <a:pt x="11386" y="334"/>
                  </a:lnTo>
                  <a:lnTo>
                    <a:pt x="11377" y="340"/>
                  </a:lnTo>
                  <a:lnTo>
                    <a:pt x="11370" y="347"/>
                  </a:lnTo>
                  <a:lnTo>
                    <a:pt x="11362" y="354"/>
                  </a:lnTo>
                  <a:lnTo>
                    <a:pt x="11354" y="362"/>
                  </a:lnTo>
                  <a:lnTo>
                    <a:pt x="11346" y="371"/>
                  </a:lnTo>
                  <a:lnTo>
                    <a:pt x="11339" y="381"/>
                  </a:lnTo>
                  <a:lnTo>
                    <a:pt x="11339" y="809"/>
                  </a:lnTo>
                  <a:lnTo>
                    <a:pt x="11139" y="809"/>
                  </a:lnTo>
                  <a:lnTo>
                    <a:pt x="11139" y="183"/>
                  </a:lnTo>
                  <a:lnTo>
                    <a:pt x="11339" y="183"/>
                  </a:lnTo>
                  <a:lnTo>
                    <a:pt x="11339" y="248"/>
                  </a:lnTo>
                  <a:lnTo>
                    <a:pt x="11347" y="239"/>
                  </a:lnTo>
                  <a:lnTo>
                    <a:pt x="11357" y="231"/>
                  </a:lnTo>
                  <a:lnTo>
                    <a:pt x="11366" y="224"/>
                  </a:lnTo>
                  <a:lnTo>
                    <a:pt x="11377" y="217"/>
                  </a:lnTo>
                  <a:lnTo>
                    <a:pt x="11388" y="210"/>
                  </a:lnTo>
                  <a:lnTo>
                    <a:pt x="11400" y="204"/>
                  </a:lnTo>
                  <a:lnTo>
                    <a:pt x="11413" y="197"/>
                  </a:lnTo>
                  <a:lnTo>
                    <a:pt x="11426" y="192"/>
                  </a:lnTo>
                  <a:lnTo>
                    <a:pt x="11439" y="187"/>
                  </a:lnTo>
                  <a:lnTo>
                    <a:pt x="11453" y="183"/>
                  </a:lnTo>
                  <a:lnTo>
                    <a:pt x="11466" y="179"/>
                  </a:lnTo>
                  <a:lnTo>
                    <a:pt x="11481" y="176"/>
                  </a:lnTo>
                  <a:lnTo>
                    <a:pt x="11495" y="174"/>
                  </a:lnTo>
                  <a:lnTo>
                    <a:pt x="11509" y="172"/>
                  </a:lnTo>
                  <a:lnTo>
                    <a:pt x="11523" y="171"/>
                  </a:lnTo>
                  <a:lnTo>
                    <a:pt x="11538" y="170"/>
                  </a:lnTo>
                  <a:lnTo>
                    <a:pt x="11556" y="171"/>
                  </a:lnTo>
                  <a:lnTo>
                    <a:pt x="11574" y="172"/>
                  </a:lnTo>
                  <a:lnTo>
                    <a:pt x="11592" y="174"/>
                  </a:lnTo>
                  <a:lnTo>
                    <a:pt x="11608" y="177"/>
                  </a:lnTo>
                  <a:lnTo>
                    <a:pt x="11624" y="181"/>
                  </a:lnTo>
                  <a:lnTo>
                    <a:pt x="11638" y="185"/>
                  </a:lnTo>
                  <a:lnTo>
                    <a:pt x="11653" y="191"/>
                  </a:lnTo>
                  <a:lnTo>
                    <a:pt x="11666" y="196"/>
                  </a:lnTo>
                  <a:lnTo>
                    <a:pt x="11678" y="204"/>
                  </a:lnTo>
                  <a:lnTo>
                    <a:pt x="11690" y="211"/>
                  </a:lnTo>
                  <a:lnTo>
                    <a:pt x="11702" y="219"/>
                  </a:lnTo>
                  <a:lnTo>
                    <a:pt x="11712" y="228"/>
                  </a:lnTo>
                  <a:lnTo>
                    <a:pt x="11721" y="237"/>
                  </a:lnTo>
                  <a:lnTo>
                    <a:pt x="11729" y="246"/>
                  </a:lnTo>
                  <a:lnTo>
                    <a:pt x="11737" y="256"/>
                  </a:lnTo>
                  <a:lnTo>
                    <a:pt x="11744" y="268"/>
                  </a:lnTo>
                  <a:lnTo>
                    <a:pt x="11755" y="256"/>
                  </a:lnTo>
                  <a:lnTo>
                    <a:pt x="11768" y="245"/>
                  </a:lnTo>
                  <a:lnTo>
                    <a:pt x="11780" y="236"/>
                  </a:lnTo>
                  <a:lnTo>
                    <a:pt x="11793" y="227"/>
                  </a:lnTo>
                  <a:lnTo>
                    <a:pt x="11806" y="218"/>
                  </a:lnTo>
                  <a:lnTo>
                    <a:pt x="11821" y="210"/>
                  </a:lnTo>
                  <a:lnTo>
                    <a:pt x="11836" y="203"/>
                  </a:lnTo>
                  <a:lnTo>
                    <a:pt x="11850" y="196"/>
                  </a:lnTo>
                  <a:lnTo>
                    <a:pt x="11866" y="190"/>
                  </a:lnTo>
                  <a:lnTo>
                    <a:pt x="11882" y="185"/>
                  </a:lnTo>
                  <a:lnTo>
                    <a:pt x="11899" y="180"/>
                  </a:lnTo>
                  <a:lnTo>
                    <a:pt x="11915" y="177"/>
                  </a:lnTo>
                  <a:lnTo>
                    <a:pt x="11933" y="174"/>
                  </a:lnTo>
                  <a:lnTo>
                    <a:pt x="11950" y="172"/>
                  </a:lnTo>
                  <a:lnTo>
                    <a:pt x="11968" y="171"/>
                  </a:lnTo>
                  <a:lnTo>
                    <a:pt x="11985" y="170"/>
                  </a:lnTo>
                  <a:lnTo>
                    <a:pt x="12004" y="171"/>
                  </a:lnTo>
                  <a:lnTo>
                    <a:pt x="12021" y="172"/>
                  </a:lnTo>
                  <a:lnTo>
                    <a:pt x="12037" y="174"/>
                  </a:lnTo>
                  <a:lnTo>
                    <a:pt x="12054" y="177"/>
                  </a:lnTo>
                  <a:lnTo>
                    <a:pt x="12068" y="180"/>
                  </a:lnTo>
                  <a:lnTo>
                    <a:pt x="12082" y="184"/>
                  </a:lnTo>
                  <a:lnTo>
                    <a:pt x="12095" y="189"/>
                  </a:lnTo>
                  <a:lnTo>
                    <a:pt x="12109" y="195"/>
                  </a:lnTo>
                  <a:lnTo>
                    <a:pt x="12120" y="202"/>
                  </a:lnTo>
                  <a:lnTo>
                    <a:pt x="12131" y="208"/>
                  </a:lnTo>
                  <a:lnTo>
                    <a:pt x="12141" y="216"/>
                  </a:lnTo>
                  <a:lnTo>
                    <a:pt x="12151" y="223"/>
                  </a:lnTo>
                  <a:lnTo>
                    <a:pt x="12160" y="232"/>
                  </a:lnTo>
                  <a:lnTo>
                    <a:pt x="12169" y="240"/>
                  </a:lnTo>
                  <a:lnTo>
                    <a:pt x="12177" y="250"/>
                  </a:lnTo>
                  <a:lnTo>
                    <a:pt x="12184" y="259"/>
                  </a:lnTo>
                  <a:lnTo>
                    <a:pt x="12191" y="270"/>
                  </a:lnTo>
                  <a:lnTo>
                    <a:pt x="12197" y="281"/>
                  </a:lnTo>
                  <a:lnTo>
                    <a:pt x="12202" y="291"/>
                  </a:lnTo>
                  <a:lnTo>
                    <a:pt x="12207" y="302"/>
                  </a:lnTo>
                  <a:lnTo>
                    <a:pt x="12212" y="314"/>
                  </a:lnTo>
                  <a:lnTo>
                    <a:pt x="12216" y="325"/>
                  </a:lnTo>
                  <a:lnTo>
                    <a:pt x="12220" y="338"/>
                  </a:lnTo>
                  <a:lnTo>
                    <a:pt x="12223" y="350"/>
                  </a:lnTo>
                  <a:lnTo>
                    <a:pt x="12228" y="375"/>
                  </a:lnTo>
                  <a:lnTo>
                    <a:pt x="12231" y="401"/>
                  </a:lnTo>
                  <a:lnTo>
                    <a:pt x="12233" y="426"/>
                  </a:lnTo>
                  <a:lnTo>
                    <a:pt x="12234" y="452"/>
                  </a:lnTo>
                  <a:lnTo>
                    <a:pt x="12234" y="809"/>
                  </a:lnTo>
                  <a:lnTo>
                    <a:pt x="12033" y="809"/>
                  </a:lnTo>
                  <a:close/>
                  <a:moveTo>
                    <a:pt x="10525" y="549"/>
                  </a:moveTo>
                  <a:lnTo>
                    <a:pt x="10526" y="558"/>
                  </a:lnTo>
                  <a:lnTo>
                    <a:pt x="10528" y="567"/>
                  </a:lnTo>
                  <a:lnTo>
                    <a:pt x="10530" y="576"/>
                  </a:lnTo>
                  <a:lnTo>
                    <a:pt x="10532" y="584"/>
                  </a:lnTo>
                  <a:lnTo>
                    <a:pt x="10535" y="593"/>
                  </a:lnTo>
                  <a:lnTo>
                    <a:pt x="10539" y="600"/>
                  </a:lnTo>
                  <a:lnTo>
                    <a:pt x="10542" y="608"/>
                  </a:lnTo>
                  <a:lnTo>
                    <a:pt x="10547" y="615"/>
                  </a:lnTo>
                  <a:lnTo>
                    <a:pt x="10552" y="622"/>
                  </a:lnTo>
                  <a:lnTo>
                    <a:pt x="10557" y="628"/>
                  </a:lnTo>
                  <a:lnTo>
                    <a:pt x="10562" y="634"/>
                  </a:lnTo>
                  <a:lnTo>
                    <a:pt x="10568" y="640"/>
                  </a:lnTo>
                  <a:lnTo>
                    <a:pt x="10580" y="651"/>
                  </a:lnTo>
                  <a:lnTo>
                    <a:pt x="10594" y="661"/>
                  </a:lnTo>
                  <a:lnTo>
                    <a:pt x="10611" y="670"/>
                  </a:lnTo>
                  <a:lnTo>
                    <a:pt x="10627" y="677"/>
                  </a:lnTo>
                  <a:lnTo>
                    <a:pt x="10645" y="683"/>
                  </a:lnTo>
                  <a:lnTo>
                    <a:pt x="10665" y="688"/>
                  </a:lnTo>
                  <a:lnTo>
                    <a:pt x="10685" y="692"/>
                  </a:lnTo>
                  <a:lnTo>
                    <a:pt x="10707" y="695"/>
                  </a:lnTo>
                  <a:lnTo>
                    <a:pt x="10730" y="697"/>
                  </a:lnTo>
                  <a:lnTo>
                    <a:pt x="10753" y="697"/>
                  </a:lnTo>
                  <a:lnTo>
                    <a:pt x="10783" y="697"/>
                  </a:lnTo>
                  <a:lnTo>
                    <a:pt x="10809" y="695"/>
                  </a:lnTo>
                  <a:lnTo>
                    <a:pt x="10835" y="693"/>
                  </a:lnTo>
                  <a:lnTo>
                    <a:pt x="10859" y="690"/>
                  </a:lnTo>
                  <a:lnTo>
                    <a:pt x="10884" y="686"/>
                  </a:lnTo>
                  <a:lnTo>
                    <a:pt x="10909" y="681"/>
                  </a:lnTo>
                  <a:lnTo>
                    <a:pt x="10935" y="675"/>
                  </a:lnTo>
                  <a:lnTo>
                    <a:pt x="10963" y="667"/>
                  </a:lnTo>
                  <a:lnTo>
                    <a:pt x="10963" y="794"/>
                  </a:lnTo>
                  <a:lnTo>
                    <a:pt x="10938" y="801"/>
                  </a:lnTo>
                  <a:lnTo>
                    <a:pt x="10913" y="806"/>
                  </a:lnTo>
                  <a:lnTo>
                    <a:pt x="10887" y="811"/>
                  </a:lnTo>
                  <a:lnTo>
                    <a:pt x="10861" y="816"/>
                  </a:lnTo>
                  <a:lnTo>
                    <a:pt x="10832" y="819"/>
                  </a:lnTo>
                  <a:lnTo>
                    <a:pt x="10802" y="822"/>
                  </a:lnTo>
                  <a:lnTo>
                    <a:pt x="10770" y="823"/>
                  </a:lnTo>
                  <a:lnTo>
                    <a:pt x="10736" y="824"/>
                  </a:lnTo>
                  <a:lnTo>
                    <a:pt x="10714" y="824"/>
                  </a:lnTo>
                  <a:lnTo>
                    <a:pt x="10694" y="823"/>
                  </a:lnTo>
                  <a:lnTo>
                    <a:pt x="10674" y="822"/>
                  </a:lnTo>
                  <a:lnTo>
                    <a:pt x="10653" y="820"/>
                  </a:lnTo>
                  <a:lnTo>
                    <a:pt x="10634" y="817"/>
                  </a:lnTo>
                  <a:lnTo>
                    <a:pt x="10615" y="814"/>
                  </a:lnTo>
                  <a:lnTo>
                    <a:pt x="10595" y="811"/>
                  </a:lnTo>
                  <a:lnTo>
                    <a:pt x="10577" y="806"/>
                  </a:lnTo>
                  <a:lnTo>
                    <a:pt x="10560" y="801"/>
                  </a:lnTo>
                  <a:lnTo>
                    <a:pt x="10542" y="796"/>
                  </a:lnTo>
                  <a:lnTo>
                    <a:pt x="10525" y="790"/>
                  </a:lnTo>
                  <a:lnTo>
                    <a:pt x="10510" y="782"/>
                  </a:lnTo>
                  <a:lnTo>
                    <a:pt x="10494" y="775"/>
                  </a:lnTo>
                  <a:lnTo>
                    <a:pt x="10479" y="767"/>
                  </a:lnTo>
                  <a:lnTo>
                    <a:pt x="10465" y="758"/>
                  </a:lnTo>
                  <a:lnTo>
                    <a:pt x="10451" y="749"/>
                  </a:lnTo>
                  <a:lnTo>
                    <a:pt x="10438" y="739"/>
                  </a:lnTo>
                  <a:lnTo>
                    <a:pt x="10425" y="729"/>
                  </a:lnTo>
                  <a:lnTo>
                    <a:pt x="10414" y="716"/>
                  </a:lnTo>
                  <a:lnTo>
                    <a:pt x="10403" y="704"/>
                  </a:lnTo>
                  <a:lnTo>
                    <a:pt x="10393" y="692"/>
                  </a:lnTo>
                  <a:lnTo>
                    <a:pt x="10384" y="678"/>
                  </a:lnTo>
                  <a:lnTo>
                    <a:pt x="10376" y="664"/>
                  </a:lnTo>
                  <a:lnTo>
                    <a:pt x="10367" y="649"/>
                  </a:lnTo>
                  <a:lnTo>
                    <a:pt x="10360" y="633"/>
                  </a:lnTo>
                  <a:lnTo>
                    <a:pt x="10354" y="617"/>
                  </a:lnTo>
                  <a:lnTo>
                    <a:pt x="10349" y="600"/>
                  </a:lnTo>
                  <a:lnTo>
                    <a:pt x="10345" y="581"/>
                  </a:lnTo>
                  <a:lnTo>
                    <a:pt x="10342" y="563"/>
                  </a:lnTo>
                  <a:lnTo>
                    <a:pt x="10340" y="543"/>
                  </a:lnTo>
                  <a:lnTo>
                    <a:pt x="10338" y="522"/>
                  </a:lnTo>
                  <a:lnTo>
                    <a:pt x="10338" y="501"/>
                  </a:lnTo>
                  <a:lnTo>
                    <a:pt x="10338" y="485"/>
                  </a:lnTo>
                  <a:lnTo>
                    <a:pt x="10339" y="470"/>
                  </a:lnTo>
                  <a:lnTo>
                    <a:pt x="10340" y="453"/>
                  </a:lnTo>
                  <a:lnTo>
                    <a:pt x="10343" y="438"/>
                  </a:lnTo>
                  <a:lnTo>
                    <a:pt x="10346" y="422"/>
                  </a:lnTo>
                  <a:lnTo>
                    <a:pt x="10349" y="407"/>
                  </a:lnTo>
                  <a:lnTo>
                    <a:pt x="10353" y="392"/>
                  </a:lnTo>
                  <a:lnTo>
                    <a:pt x="10358" y="377"/>
                  </a:lnTo>
                  <a:lnTo>
                    <a:pt x="10364" y="363"/>
                  </a:lnTo>
                  <a:lnTo>
                    <a:pt x="10370" y="349"/>
                  </a:lnTo>
                  <a:lnTo>
                    <a:pt x="10378" y="335"/>
                  </a:lnTo>
                  <a:lnTo>
                    <a:pt x="10385" y="321"/>
                  </a:lnTo>
                  <a:lnTo>
                    <a:pt x="10393" y="308"/>
                  </a:lnTo>
                  <a:lnTo>
                    <a:pt x="10402" y="295"/>
                  </a:lnTo>
                  <a:lnTo>
                    <a:pt x="10412" y="283"/>
                  </a:lnTo>
                  <a:lnTo>
                    <a:pt x="10422" y="272"/>
                  </a:lnTo>
                  <a:lnTo>
                    <a:pt x="10434" y="260"/>
                  </a:lnTo>
                  <a:lnTo>
                    <a:pt x="10446" y="249"/>
                  </a:lnTo>
                  <a:lnTo>
                    <a:pt x="10458" y="239"/>
                  </a:lnTo>
                  <a:lnTo>
                    <a:pt x="10471" y="230"/>
                  </a:lnTo>
                  <a:lnTo>
                    <a:pt x="10485" y="221"/>
                  </a:lnTo>
                  <a:lnTo>
                    <a:pt x="10501" y="213"/>
                  </a:lnTo>
                  <a:lnTo>
                    <a:pt x="10516" y="205"/>
                  </a:lnTo>
                  <a:lnTo>
                    <a:pt x="10532" y="197"/>
                  </a:lnTo>
                  <a:lnTo>
                    <a:pt x="10549" y="191"/>
                  </a:lnTo>
                  <a:lnTo>
                    <a:pt x="10567" y="186"/>
                  </a:lnTo>
                  <a:lnTo>
                    <a:pt x="10585" y="181"/>
                  </a:lnTo>
                  <a:lnTo>
                    <a:pt x="10605" y="177"/>
                  </a:lnTo>
                  <a:lnTo>
                    <a:pt x="10624" y="174"/>
                  </a:lnTo>
                  <a:lnTo>
                    <a:pt x="10645" y="172"/>
                  </a:lnTo>
                  <a:lnTo>
                    <a:pt x="10667" y="171"/>
                  </a:lnTo>
                  <a:lnTo>
                    <a:pt x="10689" y="170"/>
                  </a:lnTo>
                  <a:lnTo>
                    <a:pt x="10710" y="171"/>
                  </a:lnTo>
                  <a:lnTo>
                    <a:pt x="10732" y="172"/>
                  </a:lnTo>
                  <a:lnTo>
                    <a:pt x="10752" y="173"/>
                  </a:lnTo>
                  <a:lnTo>
                    <a:pt x="10771" y="176"/>
                  </a:lnTo>
                  <a:lnTo>
                    <a:pt x="10790" y="179"/>
                  </a:lnTo>
                  <a:lnTo>
                    <a:pt x="10807" y="182"/>
                  </a:lnTo>
                  <a:lnTo>
                    <a:pt x="10824" y="187"/>
                  </a:lnTo>
                  <a:lnTo>
                    <a:pt x="10841" y="192"/>
                  </a:lnTo>
                  <a:lnTo>
                    <a:pt x="10856" y="197"/>
                  </a:lnTo>
                  <a:lnTo>
                    <a:pt x="10871" y="204"/>
                  </a:lnTo>
                  <a:lnTo>
                    <a:pt x="10885" y="211"/>
                  </a:lnTo>
                  <a:lnTo>
                    <a:pt x="10899" y="218"/>
                  </a:lnTo>
                  <a:lnTo>
                    <a:pt x="10911" y="225"/>
                  </a:lnTo>
                  <a:lnTo>
                    <a:pt x="10923" y="233"/>
                  </a:lnTo>
                  <a:lnTo>
                    <a:pt x="10934" y="242"/>
                  </a:lnTo>
                  <a:lnTo>
                    <a:pt x="10945" y="251"/>
                  </a:lnTo>
                  <a:lnTo>
                    <a:pt x="10956" y="261"/>
                  </a:lnTo>
                  <a:lnTo>
                    <a:pt x="10965" y="272"/>
                  </a:lnTo>
                  <a:lnTo>
                    <a:pt x="10974" y="282"/>
                  </a:lnTo>
                  <a:lnTo>
                    <a:pt x="10982" y="293"/>
                  </a:lnTo>
                  <a:lnTo>
                    <a:pt x="10989" y="304"/>
                  </a:lnTo>
                  <a:lnTo>
                    <a:pt x="10996" y="316"/>
                  </a:lnTo>
                  <a:lnTo>
                    <a:pt x="11002" y="328"/>
                  </a:lnTo>
                  <a:lnTo>
                    <a:pt x="11009" y="341"/>
                  </a:lnTo>
                  <a:lnTo>
                    <a:pt x="11014" y="354"/>
                  </a:lnTo>
                  <a:lnTo>
                    <a:pt x="11019" y="367"/>
                  </a:lnTo>
                  <a:lnTo>
                    <a:pt x="11023" y="380"/>
                  </a:lnTo>
                  <a:lnTo>
                    <a:pt x="11026" y="394"/>
                  </a:lnTo>
                  <a:lnTo>
                    <a:pt x="11029" y="409"/>
                  </a:lnTo>
                  <a:lnTo>
                    <a:pt x="11032" y="423"/>
                  </a:lnTo>
                  <a:lnTo>
                    <a:pt x="11034" y="437"/>
                  </a:lnTo>
                  <a:lnTo>
                    <a:pt x="11036" y="452"/>
                  </a:lnTo>
                  <a:lnTo>
                    <a:pt x="11037" y="476"/>
                  </a:lnTo>
                  <a:lnTo>
                    <a:pt x="11037" y="502"/>
                  </a:lnTo>
                  <a:lnTo>
                    <a:pt x="11037" y="528"/>
                  </a:lnTo>
                  <a:lnTo>
                    <a:pt x="11036" y="549"/>
                  </a:lnTo>
                  <a:lnTo>
                    <a:pt x="10525" y="549"/>
                  </a:lnTo>
                  <a:close/>
                  <a:moveTo>
                    <a:pt x="10855" y="407"/>
                  </a:moveTo>
                  <a:lnTo>
                    <a:pt x="10852" y="394"/>
                  </a:lnTo>
                  <a:lnTo>
                    <a:pt x="10848" y="383"/>
                  </a:lnTo>
                  <a:lnTo>
                    <a:pt x="10843" y="372"/>
                  </a:lnTo>
                  <a:lnTo>
                    <a:pt x="10838" y="361"/>
                  </a:lnTo>
                  <a:lnTo>
                    <a:pt x="10830" y="351"/>
                  </a:lnTo>
                  <a:lnTo>
                    <a:pt x="10823" y="341"/>
                  </a:lnTo>
                  <a:lnTo>
                    <a:pt x="10816" y="333"/>
                  </a:lnTo>
                  <a:lnTo>
                    <a:pt x="10807" y="323"/>
                  </a:lnTo>
                  <a:lnTo>
                    <a:pt x="10797" y="316"/>
                  </a:lnTo>
                  <a:lnTo>
                    <a:pt x="10786" y="309"/>
                  </a:lnTo>
                  <a:lnTo>
                    <a:pt x="10774" y="303"/>
                  </a:lnTo>
                  <a:lnTo>
                    <a:pt x="10761" y="298"/>
                  </a:lnTo>
                  <a:lnTo>
                    <a:pt x="10748" y="294"/>
                  </a:lnTo>
                  <a:lnTo>
                    <a:pt x="10733" y="291"/>
                  </a:lnTo>
                  <a:lnTo>
                    <a:pt x="10716" y="289"/>
                  </a:lnTo>
                  <a:lnTo>
                    <a:pt x="10699" y="289"/>
                  </a:lnTo>
                  <a:lnTo>
                    <a:pt x="10680" y="290"/>
                  </a:lnTo>
                  <a:lnTo>
                    <a:pt x="10661" y="292"/>
                  </a:lnTo>
                  <a:lnTo>
                    <a:pt x="10643" y="296"/>
                  </a:lnTo>
                  <a:lnTo>
                    <a:pt x="10627" y="301"/>
                  </a:lnTo>
                  <a:lnTo>
                    <a:pt x="10612" y="307"/>
                  </a:lnTo>
                  <a:lnTo>
                    <a:pt x="10598" y="314"/>
                  </a:lnTo>
                  <a:lnTo>
                    <a:pt x="10585" y="323"/>
                  </a:lnTo>
                  <a:lnTo>
                    <a:pt x="10574" y="333"/>
                  </a:lnTo>
                  <a:lnTo>
                    <a:pt x="10564" y="344"/>
                  </a:lnTo>
                  <a:lnTo>
                    <a:pt x="10555" y="355"/>
                  </a:lnTo>
                  <a:lnTo>
                    <a:pt x="10547" y="367"/>
                  </a:lnTo>
                  <a:lnTo>
                    <a:pt x="10540" y="380"/>
                  </a:lnTo>
                  <a:lnTo>
                    <a:pt x="10534" y="393"/>
                  </a:lnTo>
                  <a:lnTo>
                    <a:pt x="10530" y="408"/>
                  </a:lnTo>
                  <a:lnTo>
                    <a:pt x="10527" y="422"/>
                  </a:lnTo>
                  <a:lnTo>
                    <a:pt x="10525" y="437"/>
                  </a:lnTo>
                  <a:lnTo>
                    <a:pt x="10857" y="437"/>
                  </a:lnTo>
                  <a:lnTo>
                    <a:pt x="10857" y="430"/>
                  </a:lnTo>
                  <a:lnTo>
                    <a:pt x="10857" y="423"/>
                  </a:lnTo>
                  <a:lnTo>
                    <a:pt x="10856" y="415"/>
                  </a:lnTo>
                  <a:lnTo>
                    <a:pt x="10855" y="407"/>
                  </a:lnTo>
                  <a:close/>
                  <a:moveTo>
                    <a:pt x="9831" y="1080"/>
                  </a:moveTo>
                  <a:lnTo>
                    <a:pt x="9792" y="1080"/>
                  </a:lnTo>
                  <a:lnTo>
                    <a:pt x="9755" y="1078"/>
                  </a:lnTo>
                  <a:lnTo>
                    <a:pt x="9718" y="1076"/>
                  </a:lnTo>
                  <a:lnTo>
                    <a:pt x="9683" y="1072"/>
                  </a:lnTo>
                  <a:lnTo>
                    <a:pt x="9648" y="1068"/>
                  </a:lnTo>
                  <a:lnTo>
                    <a:pt x="9614" y="1061"/>
                  </a:lnTo>
                  <a:lnTo>
                    <a:pt x="9582" y="1054"/>
                  </a:lnTo>
                  <a:lnTo>
                    <a:pt x="9551" y="1043"/>
                  </a:lnTo>
                  <a:lnTo>
                    <a:pt x="9551" y="897"/>
                  </a:lnTo>
                  <a:lnTo>
                    <a:pt x="9567" y="904"/>
                  </a:lnTo>
                  <a:lnTo>
                    <a:pt x="9583" y="911"/>
                  </a:lnTo>
                  <a:lnTo>
                    <a:pt x="9599" y="917"/>
                  </a:lnTo>
                  <a:lnTo>
                    <a:pt x="9614" y="923"/>
                  </a:lnTo>
                  <a:lnTo>
                    <a:pt x="9631" y="928"/>
                  </a:lnTo>
                  <a:lnTo>
                    <a:pt x="9647" y="932"/>
                  </a:lnTo>
                  <a:lnTo>
                    <a:pt x="9662" y="936"/>
                  </a:lnTo>
                  <a:lnTo>
                    <a:pt x="9679" y="940"/>
                  </a:lnTo>
                  <a:lnTo>
                    <a:pt x="9710" y="945"/>
                  </a:lnTo>
                  <a:lnTo>
                    <a:pt x="9741" y="948"/>
                  </a:lnTo>
                  <a:lnTo>
                    <a:pt x="9771" y="950"/>
                  </a:lnTo>
                  <a:lnTo>
                    <a:pt x="9801" y="951"/>
                  </a:lnTo>
                  <a:lnTo>
                    <a:pt x="9819" y="951"/>
                  </a:lnTo>
                  <a:lnTo>
                    <a:pt x="9836" y="950"/>
                  </a:lnTo>
                  <a:lnTo>
                    <a:pt x="9853" y="949"/>
                  </a:lnTo>
                  <a:lnTo>
                    <a:pt x="9868" y="947"/>
                  </a:lnTo>
                  <a:lnTo>
                    <a:pt x="9882" y="944"/>
                  </a:lnTo>
                  <a:lnTo>
                    <a:pt x="9895" y="942"/>
                  </a:lnTo>
                  <a:lnTo>
                    <a:pt x="9908" y="939"/>
                  </a:lnTo>
                  <a:lnTo>
                    <a:pt x="9920" y="935"/>
                  </a:lnTo>
                  <a:lnTo>
                    <a:pt x="9931" y="931"/>
                  </a:lnTo>
                  <a:lnTo>
                    <a:pt x="9942" y="926"/>
                  </a:lnTo>
                  <a:lnTo>
                    <a:pt x="9951" y="922"/>
                  </a:lnTo>
                  <a:lnTo>
                    <a:pt x="9960" y="915"/>
                  </a:lnTo>
                  <a:lnTo>
                    <a:pt x="9970" y="910"/>
                  </a:lnTo>
                  <a:lnTo>
                    <a:pt x="9977" y="904"/>
                  </a:lnTo>
                  <a:lnTo>
                    <a:pt x="9984" y="898"/>
                  </a:lnTo>
                  <a:lnTo>
                    <a:pt x="9991" y="891"/>
                  </a:lnTo>
                  <a:lnTo>
                    <a:pt x="9997" y="885"/>
                  </a:lnTo>
                  <a:lnTo>
                    <a:pt x="10002" y="878"/>
                  </a:lnTo>
                  <a:lnTo>
                    <a:pt x="10007" y="871"/>
                  </a:lnTo>
                  <a:lnTo>
                    <a:pt x="10011" y="863"/>
                  </a:lnTo>
                  <a:lnTo>
                    <a:pt x="10019" y="846"/>
                  </a:lnTo>
                  <a:lnTo>
                    <a:pt x="10024" y="830"/>
                  </a:lnTo>
                  <a:lnTo>
                    <a:pt x="10029" y="813"/>
                  </a:lnTo>
                  <a:lnTo>
                    <a:pt x="10032" y="796"/>
                  </a:lnTo>
                  <a:lnTo>
                    <a:pt x="10034" y="777"/>
                  </a:lnTo>
                  <a:lnTo>
                    <a:pt x="10034" y="759"/>
                  </a:lnTo>
                  <a:lnTo>
                    <a:pt x="10034" y="752"/>
                  </a:lnTo>
                  <a:lnTo>
                    <a:pt x="10034" y="734"/>
                  </a:lnTo>
                  <a:lnTo>
                    <a:pt x="10026" y="741"/>
                  </a:lnTo>
                  <a:lnTo>
                    <a:pt x="10016" y="749"/>
                  </a:lnTo>
                  <a:lnTo>
                    <a:pt x="10006" y="756"/>
                  </a:lnTo>
                  <a:lnTo>
                    <a:pt x="9995" y="763"/>
                  </a:lnTo>
                  <a:lnTo>
                    <a:pt x="9983" y="770"/>
                  </a:lnTo>
                  <a:lnTo>
                    <a:pt x="9970" y="777"/>
                  </a:lnTo>
                  <a:lnTo>
                    <a:pt x="9955" y="784"/>
                  </a:lnTo>
                  <a:lnTo>
                    <a:pt x="9941" y="791"/>
                  </a:lnTo>
                  <a:lnTo>
                    <a:pt x="9926" y="797"/>
                  </a:lnTo>
                  <a:lnTo>
                    <a:pt x="9910" y="802"/>
                  </a:lnTo>
                  <a:lnTo>
                    <a:pt x="9892" y="806"/>
                  </a:lnTo>
                  <a:lnTo>
                    <a:pt x="9874" y="810"/>
                  </a:lnTo>
                  <a:lnTo>
                    <a:pt x="9856" y="813"/>
                  </a:lnTo>
                  <a:lnTo>
                    <a:pt x="9836" y="815"/>
                  </a:lnTo>
                  <a:lnTo>
                    <a:pt x="9817" y="816"/>
                  </a:lnTo>
                  <a:lnTo>
                    <a:pt x="9797" y="815"/>
                  </a:lnTo>
                  <a:lnTo>
                    <a:pt x="9777" y="815"/>
                  </a:lnTo>
                  <a:lnTo>
                    <a:pt x="9758" y="813"/>
                  </a:lnTo>
                  <a:lnTo>
                    <a:pt x="9739" y="810"/>
                  </a:lnTo>
                  <a:lnTo>
                    <a:pt x="9721" y="807"/>
                  </a:lnTo>
                  <a:lnTo>
                    <a:pt x="9704" y="803"/>
                  </a:lnTo>
                  <a:lnTo>
                    <a:pt x="9688" y="799"/>
                  </a:lnTo>
                  <a:lnTo>
                    <a:pt x="9671" y="794"/>
                  </a:lnTo>
                  <a:lnTo>
                    <a:pt x="9656" y="787"/>
                  </a:lnTo>
                  <a:lnTo>
                    <a:pt x="9641" y="781"/>
                  </a:lnTo>
                  <a:lnTo>
                    <a:pt x="9628" y="773"/>
                  </a:lnTo>
                  <a:lnTo>
                    <a:pt x="9613" y="766"/>
                  </a:lnTo>
                  <a:lnTo>
                    <a:pt x="9601" y="757"/>
                  </a:lnTo>
                  <a:lnTo>
                    <a:pt x="9589" y="749"/>
                  </a:lnTo>
                  <a:lnTo>
                    <a:pt x="9578" y="739"/>
                  </a:lnTo>
                  <a:lnTo>
                    <a:pt x="9567" y="729"/>
                  </a:lnTo>
                  <a:lnTo>
                    <a:pt x="9556" y="718"/>
                  </a:lnTo>
                  <a:lnTo>
                    <a:pt x="9547" y="707"/>
                  </a:lnTo>
                  <a:lnTo>
                    <a:pt x="9538" y="696"/>
                  </a:lnTo>
                  <a:lnTo>
                    <a:pt x="9530" y="684"/>
                  </a:lnTo>
                  <a:lnTo>
                    <a:pt x="9522" y="671"/>
                  </a:lnTo>
                  <a:lnTo>
                    <a:pt x="9515" y="659"/>
                  </a:lnTo>
                  <a:lnTo>
                    <a:pt x="9509" y="644"/>
                  </a:lnTo>
                  <a:lnTo>
                    <a:pt x="9502" y="631"/>
                  </a:lnTo>
                  <a:lnTo>
                    <a:pt x="9497" y="617"/>
                  </a:lnTo>
                  <a:lnTo>
                    <a:pt x="9492" y="603"/>
                  </a:lnTo>
                  <a:lnTo>
                    <a:pt x="9489" y="587"/>
                  </a:lnTo>
                  <a:lnTo>
                    <a:pt x="9485" y="572"/>
                  </a:lnTo>
                  <a:lnTo>
                    <a:pt x="9483" y="556"/>
                  </a:lnTo>
                  <a:lnTo>
                    <a:pt x="9480" y="541"/>
                  </a:lnTo>
                  <a:lnTo>
                    <a:pt x="9479" y="524"/>
                  </a:lnTo>
                  <a:lnTo>
                    <a:pt x="9478" y="507"/>
                  </a:lnTo>
                  <a:lnTo>
                    <a:pt x="9478" y="491"/>
                  </a:lnTo>
                  <a:lnTo>
                    <a:pt x="9478" y="477"/>
                  </a:lnTo>
                  <a:lnTo>
                    <a:pt x="9479" y="462"/>
                  </a:lnTo>
                  <a:lnTo>
                    <a:pt x="9480" y="447"/>
                  </a:lnTo>
                  <a:lnTo>
                    <a:pt x="9482" y="433"/>
                  </a:lnTo>
                  <a:lnTo>
                    <a:pt x="9485" y="419"/>
                  </a:lnTo>
                  <a:lnTo>
                    <a:pt x="9488" y="405"/>
                  </a:lnTo>
                  <a:lnTo>
                    <a:pt x="9492" y="390"/>
                  </a:lnTo>
                  <a:lnTo>
                    <a:pt x="9497" y="376"/>
                  </a:lnTo>
                  <a:lnTo>
                    <a:pt x="9502" y="362"/>
                  </a:lnTo>
                  <a:lnTo>
                    <a:pt x="9508" y="349"/>
                  </a:lnTo>
                  <a:lnTo>
                    <a:pt x="9515" y="336"/>
                  </a:lnTo>
                  <a:lnTo>
                    <a:pt x="9522" y="322"/>
                  </a:lnTo>
                  <a:lnTo>
                    <a:pt x="9529" y="309"/>
                  </a:lnTo>
                  <a:lnTo>
                    <a:pt x="9537" y="297"/>
                  </a:lnTo>
                  <a:lnTo>
                    <a:pt x="9546" y="285"/>
                  </a:lnTo>
                  <a:lnTo>
                    <a:pt x="9556" y="274"/>
                  </a:lnTo>
                  <a:lnTo>
                    <a:pt x="9567" y="262"/>
                  </a:lnTo>
                  <a:lnTo>
                    <a:pt x="9578" y="251"/>
                  </a:lnTo>
                  <a:lnTo>
                    <a:pt x="9590" y="241"/>
                  </a:lnTo>
                  <a:lnTo>
                    <a:pt x="9602" y="231"/>
                  </a:lnTo>
                  <a:lnTo>
                    <a:pt x="9615" y="223"/>
                  </a:lnTo>
                  <a:lnTo>
                    <a:pt x="9630" y="214"/>
                  </a:lnTo>
                  <a:lnTo>
                    <a:pt x="9644" y="206"/>
                  </a:lnTo>
                  <a:lnTo>
                    <a:pt x="9659" y="199"/>
                  </a:lnTo>
                  <a:lnTo>
                    <a:pt x="9675" y="192"/>
                  </a:lnTo>
                  <a:lnTo>
                    <a:pt x="9693" y="186"/>
                  </a:lnTo>
                  <a:lnTo>
                    <a:pt x="9710" y="182"/>
                  </a:lnTo>
                  <a:lnTo>
                    <a:pt x="9728" y="178"/>
                  </a:lnTo>
                  <a:lnTo>
                    <a:pt x="9748" y="174"/>
                  </a:lnTo>
                  <a:lnTo>
                    <a:pt x="9767" y="172"/>
                  </a:lnTo>
                  <a:lnTo>
                    <a:pt x="9788" y="171"/>
                  </a:lnTo>
                  <a:lnTo>
                    <a:pt x="9810" y="170"/>
                  </a:lnTo>
                  <a:lnTo>
                    <a:pt x="9831" y="171"/>
                  </a:lnTo>
                  <a:lnTo>
                    <a:pt x="9851" y="172"/>
                  </a:lnTo>
                  <a:lnTo>
                    <a:pt x="9872" y="173"/>
                  </a:lnTo>
                  <a:lnTo>
                    <a:pt x="9890" y="176"/>
                  </a:lnTo>
                  <a:lnTo>
                    <a:pt x="9907" y="178"/>
                  </a:lnTo>
                  <a:lnTo>
                    <a:pt x="9925" y="182"/>
                  </a:lnTo>
                  <a:lnTo>
                    <a:pt x="9940" y="186"/>
                  </a:lnTo>
                  <a:lnTo>
                    <a:pt x="9955" y="190"/>
                  </a:lnTo>
                  <a:lnTo>
                    <a:pt x="9970" y="195"/>
                  </a:lnTo>
                  <a:lnTo>
                    <a:pt x="9983" y="202"/>
                  </a:lnTo>
                  <a:lnTo>
                    <a:pt x="9995" y="208"/>
                  </a:lnTo>
                  <a:lnTo>
                    <a:pt x="10006" y="214"/>
                  </a:lnTo>
                  <a:lnTo>
                    <a:pt x="10017" y="221"/>
                  </a:lnTo>
                  <a:lnTo>
                    <a:pt x="10027" y="228"/>
                  </a:lnTo>
                  <a:lnTo>
                    <a:pt x="10036" y="236"/>
                  </a:lnTo>
                  <a:lnTo>
                    <a:pt x="10045" y="243"/>
                  </a:lnTo>
                  <a:lnTo>
                    <a:pt x="10045" y="183"/>
                  </a:lnTo>
                  <a:lnTo>
                    <a:pt x="10232" y="183"/>
                  </a:lnTo>
                  <a:lnTo>
                    <a:pt x="10232" y="734"/>
                  </a:lnTo>
                  <a:lnTo>
                    <a:pt x="10232" y="750"/>
                  </a:lnTo>
                  <a:lnTo>
                    <a:pt x="10231" y="765"/>
                  </a:lnTo>
                  <a:lnTo>
                    <a:pt x="10230" y="781"/>
                  </a:lnTo>
                  <a:lnTo>
                    <a:pt x="10228" y="798"/>
                  </a:lnTo>
                  <a:lnTo>
                    <a:pt x="10226" y="813"/>
                  </a:lnTo>
                  <a:lnTo>
                    <a:pt x="10223" y="829"/>
                  </a:lnTo>
                  <a:lnTo>
                    <a:pt x="10219" y="844"/>
                  </a:lnTo>
                  <a:lnTo>
                    <a:pt x="10215" y="860"/>
                  </a:lnTo>
                  <a:lnTo>
                    <a:pt x="10210" y="875"/>
                  </a:lnTo>
                  <a:lnTo>
                    <a:pt x="10205" y="889"/>
                  </a:lnTo>
                  <a:lnTo>
                    <a:pt x="10199" y="904"/>
                  </a:lnTo>
                  <a:lnTo>
                    <a:pt x="10191" y="917"/>
                  </a:lnTo>
                  <a:lnTo>
                    <a:pt x="10183" y="932"/>
                  </a:lnTo>
                  <a:lnTo>
                    <a:pt x="10174" y="945"/>
                  </a:lnTo>
                  <a:lnTo>
                    <a:pt x="10164" y="958"/>
                  </a:lnTo>
                  <a:lnTo>
                    <a:pt x="10154" y="970"/>
                  </a:lnTo>
                  <a:lnTo>
                    <a:pt x="10142" y="982"/>
                  </a:lnTo>
                  <a:lnTo>
                    <a:pt x="10129" y="994"/>
                  </a:lnTo>
                  <a:lnTo>
                    <a:pt x="10116" y="1005"/>
                  </a:lnTo>
                  <a:lnTo>
                    <a:pt x="10101" y="1015"/>
                  </a:lnTo>
                  <a:lnTo>
                    <a:pt x="10086" y="1025"/>
                  </a:lnTo>
                  <a:lnTo>
                    <a:pt x="10068" y="1034"/>
                  </a:lnTo>
                  <a:lnTo>
                    <a:pt x="10050" y="1042"/>
                  </a:lnTo>
                  <a:lnTo>
                    <a:pt x="10031" y="1049"/>
                  </a:lnTo>
                  <a:lnTo>
                    <a:pt x="10010" y="1057"/>
                  </a:lnTo>
                  <a:lnTo>
                    <a:pt x="9989" y="1063"/>
                  </a:lnTo>
                  <a:lnTo>
                    <a:pt x="9966" y="1068"/>
                  </a:lnTo>
                  <a:lnTo>
                    <a:pt x="9942" y="1072"/>
                  </a:lnTo>
                  <a:lnTo>
                    <a:pt x="9917" y="1076"/>
                  </a:lnTo>
                  <a:lnTo>
                    <a:pt x="9889" y="1078"/>
                  </a:lnTo>
                  <a:lnTo>
                    <a:pt x="9861" y="1079"/>
                  </a:lnTo>
                  <a:lnTo>
                    <a:pt x="9831" y="1080"/>
                  </a:lnTo>
                  <a:close/>
                  <a:moveTo>
                    <a:pt x="9866" y="297"/>
                  </a:moveTo>
                  <a:lnTo>
                    <a:pt x="9854" y="298"/>
                  </a:lnTo>
                  <a:lnTo>
                    <a:pt x="9841" y="298"/>
                  </a:lnTo>
                  <a:lnTo>
                    <a:pt x="9830" y="300"/>
                  </a:lnTo>
                  <a:lnTo>
                    <a:pt x="9819" y="302"/>
                  </a:lnTo>
                  <a:lnTo>
                    <a:pt x="9809" y="304"/>
                  </a:lnTo>
                  <a:lnTo>
                    <a:pt x="9800" y="307"/>
                  </a:lnTo>
                  <a:lnTo>
                    <a:pt x="9789" y="311"/>
                  </a:lnTo>
                  <a:lnTo>
                    <a:pt x="9781" y="315"/>
                  </a:lnTo>
                  <a:lnTo>
                    <a:pt x="9772" y="319"/>
                  </a:lnTo>
                  <a:lnTo>
                    <a:pt x="9764" y="324"/>
                  </a:lnTo>
                  <a:lnTo>
                    <a:pt x="9757" y="330"/>
                  </a:lnTo>
                  <a:lnTo>
                    <a:pt x="9750" y="335"/>
                  </a:lnTo>
                  <a:lnTo>
                    <a:pt x="9743" y="341"/>
                  </a:lnTo>
                  <a:lnTo>
                    <a:pt x="9737" y="347"/>
                  </a:lnTo>
                  <a:lnTo>
                    <a:pt x="9730" y="354"/>
                  </a:lnTo>
                  <a:lnTo>
                    <a:pt x="9725" y="361"/>
                  </a:lnTo>
                  <a:lnTo>
                    <a:pt x="9715" y="375"/>
                  </a:lnTo>
                  <a:lnTo>
                    <a:pt x="9707" y="390"/>
                  </a:lnTo>
                  <a:lnTo>
                    <a:pt x="9700" y="408"/>
                  </a:lnTo>
                  <a:lnTo>
                    <a:pt x="9694" y="424"/>
                  </a:lnTo>
                  <a:lnTo>
                    <a:pt x="9690" y="441"/>
                  </a:lnTo>
                  <a:lnTo>
                    <a:pt x="9687" y="459"/>
                  </a:lnTo>
                  <a:lnTo>
                    <a:pt x="9686" y="477"/>
                  </a:lnTo>
                  <a:lnTo>
                    <a:pt x="9685" y="495"/>
                  </a:lnTo>
                  <a:lnTo>
                    <a:pt x="9686" y="512"/>
                  </a:lnTo>
                  <a:lnTo>
                    <a:pt x="9688" y="531"/>
                  </a:lnTo>
                  <a:lnTo>
                    <a:pt x="9691" y="548"/>
                  </a:lnTo>
                  <a:lnTo>
                    <a:pt x="9695" y="564"/>
                  </a:lnTo>
                  <a:lnTo>
                    <a:pt x="9701" y="580"/>
                  </a:lnTo>
                  <a:lnTo>
                    <a:pt x="9708" y="596"/>
                  </a:lnTo>
                  <a:lnTo>
                    <a:pt x="9717" y="611"/>
                  </a:lnTo>
                  <a:lnTo>
                    <a:pt x="9727" y="624"/>
                  </a:lnTo>
                  <a:lnTo>
                    <a:pt x="9739" y="636"/>
                  </a:lnTo>
                  <a:lnTo>
                    <a:pt x="9752" y="648"/>
                  </a:lnTo>
                  <a:lnTo>
                    <a:pt x="9758" y="653"/>
                  </a:lnTo>
                  <a:lnTo>
                    <a:pt x="9765" y="658"/>
                  </a:lnTo>
                  <a:lnTo>
                    <a:pt x="9773" y="663"/>
                  </a:lnTo>
                  <a:lnTo>
                    <a:pt x="9781" y="667"/>
                  </a:lnTo>
                  <a:lnTo>
                    <a:pt x="9789" y="670"/>
                  </a:lnTo>
                  <a:lnTo>
                    <a:pt x="9798" y="673"/>
                  </a:lnTo>
                  <a:lnTo>
                    <a:pt x="9807" y="676"/>
                  </a:lnTo>
                  <a:lnTo>
                    <a:pt x="9816" y="678"/>
                  </a:lnTo>
                  <a:lnTo>
                    <a:pt x="9826" y="680"/>
                  </a:lnTo>
                  <a:lnTo>
                    <a:pt x="9836" y="681"/>
                  </a:lnTo>
                  <a:lnTo>
                    <a:pt x="9846" y="682"/>
                  </a:lnTo>
                  <a:lnTo>
                    <a:pt x="9857" y="682"/>
                  </a:lnTo>
                  <a:lnTo>
                    <a:pt x="9869" y="682"/>
                  </a:lnTo>
                  <a:lnTo>
                    <a:pt x="9881" y="681"/>
                  </a:lnTo>
                  <a:lnTo>
                    <a:pt x="9892" y="680"/>
                  </a:lnTo>
                  <a:lnTo>
                    <a:pt x="9902" y="678"/>
                  </a:lnTo>
                  <a:lnTo>
                    <a:pt x="9913" y="675"/>
                  </a:lnTo>
                  <a:lnTo>
                    <a:pt x="9923" y="672"/>
                  </a:lnTo>
                  <a:lnTo>
                    <a:pt x="9932" y="669"/>
                  </a:lnTo>
                  <a:lnTo>
                    <a:pt x="9940" y="665"/>
                  </a:lnTo>
                  <a:lnTo>
                    <a:pt x="9949" y="661"/>
                  </a:lnTo>
                  <a:lnTo>
                    <a:pt x="9956" y="655"/>
                  </a:lnTo>
                  <a:lnTo>
                    <a:pt x="9964" y="650"/>
                  </a:lnTo>
                  <a:lnTo>
                    <a:pt x="9972" y="645"/>
                  </a:lnTo>
                  <a:lnTo>
                    <a:pt x="9985" y="633"/>
                  </a:lnTo>
                  <a:lnTo>
                    <a:pt x="9996" y="620"/>
                  </a:lnTo>
                  <a:lnTo>
                    <a:pt x="10005" y="606"/>
                  </a:lnTo>
                  <a:lnTo>
                    <a:pt x="10014" y="592"/>
                  </a:lnTo>
                  <a:lnTo>
                    <a:pt x="10020" y="575"/>
                  </a:lnTo>
                  <a:lnTo>
                    <a:pt x="10027" y="559"/>
                  </a:lnTo>
                  <a:lnTo>
                    <a:pt x="10031" y="542"/>
                  </a:lnTo>
                  <a:lnTo>
                    <a:pt x="10034" y="524"/>
                  </a:lnTo>
                  <a:lnTo>
                    <a:pt x="10036" y="508"/>
                  </a:lnTo>
                  <a:lnTo>
                    <a:pt x="10036" y="491"/>
                  </a:lnTo>
                  <a:lnTo>
                    <a:pt x="10036" y="472"/>
                  </a:lnTo>
                  <a:lnTo>
                    <a:pt x="10034" y="452"/>
                  </a:lnTo>
                  <a:lnTo>
                    <a:pt x="10031" y="434"/>
                  </a:lnTo>
                  <a:lnTo>
                    <a:pt x="10026" y="416"/>
                  </a:lnTo>
                  <a:lnTo>
                    <a:pt x="10020" y="400"/>
                  </a:lnTo>
                  <a:lnTo>
                    <a:pt x="10013" y="383"/>
                  </a:lnTo>
                  <a:lnTo>
                    <a:pt x="10005" y="368"/>
                  </a:lnTo>
                  <a:lnTo>
                    <a:pt x="9995" y="355"/>
                  </a:lnTo>
                  <a:lnTo>
                    <a:pt x="9984" y="342"/>
                  </a:lnTo>
                  <a:lnTo>
                    <a:pt x="9972" y="331"/>
                  </a:lnTo>
                  <a:lnTo>
                    <a:pt x="9964" y="325"/>
                  </a:lnTo>
                  <a:lnTo>
                    <a:pt x="9957" y="321"/>
                  </a:lnTo>
                  <a:lnTo>
                    <a:pt x="9950" y="316"/>
                  </a:lnTo>
                  <a:lnTo>
                    <a:pt x="9942" y="312"/>
                  </a:lnTo>
                  <a:lnTo>
                    <a:pt x="9934" y="309"/>
                  </a:lnTo>
                  <a:lnTo>
                    <a:pt x="9925" y="306"/>
                  </a:lnTo>
                  <a:lnTo>
                    <a:pt x="9917" y="303"/>
                  </a:lnTo>
                  <a:lnTo>
                    <a:pt x="9906" y="301"/>
                  </a:lnTo>
                  <a:lnTo>
                    <a:pt x="9897" y="299"/>
                  </a:lnTo>
                  <a:lnTo>
                    <a:pt x="9887" y="298"/>
                  </a:lnTo>
                  <a:lnTo>
                    <a:pt x="9877" y="297"/>
                  </a:lnTo>
                  <a:lnTo>
                    <a:pt x="9866" y="297"/>
                  </a:lnTo>
                  <a:close/>
                  <a:moveTo>
                    <a:pt x="9198" y="809"/>
                  </a:moveTo>
                  <a:lnTo>
                    <a:pt x="9198" y="745"/>
                  </a:lnTo>
                  <a:lnTo>
                    <a:pt x="9187" y="754"/>
                  </a:lnTo>
                  <a:lnTo>
                    <a:pt x="9177" y="763"/>
                  </a:lnTo>
                  <a:lnTo>
                    <a:pt x="9165" y="772"/>
                  </a:lnTo>
                  <a:lnTo>
                    <a:pt x="9153" y="779"/>
                  </a:lnTo>
                  <a:lnTo>
                    <a:pt x="9140" y="786"/>
                  </a:lnTo>
                  <a:lnTo>
                    <a:pt x="9127" y="794"/>
                  </a:lnTo>
                  <a:lnTo>
                    <a:pt x="9114" y="800"/>
                  </a:lnTo>
                  <a:lnTo>
                    <a:pt x="9099" y="805"/>
                  </a:lnTo>
                  <a:lnTo>
                    <a:pt x="9084" y="809"/>
                  </a:lnTo>
                  <a:lnTo>
                    <a:pt x="9069" y="813"/>
                  </a:lnTo>
                  <a:lnTo>
                    <a:pt x="9053" y="817"/>
                  </a:lnTo>
                  <a:lnTo>
                    <a:pt x="9035" y="819"/>
                  </a:lnTo>
                  <a:lnTo>
                    <a:pt x="9018" y="821"/>
                  </a:lnTo>
                  <a:lnTo>
                    <a:pt x="9000" y="823"/>
                  </a:lnTo>
                  <a:lnTo>
                    <a:pt x="8980" y="824"/>
                  </a:lnTo>
                  <a:lnTo>
                    <a:pt x="8961" y="824"/>
                  </a:lnTo>
                  <a:lnTo>
                    <a:pt x="8934" y="823"/>
                  </a:lnTo>
                  <a:lnTo>
                    <a:pt x="8907" y="821"/>
                  </a:lnTo>
                  <a:lnTo>
                    <a:pt x="8882" y="818"/>
                  </a:lnTo>
                  <a:lnTo>
                    <a:pt x="8857" y="814"/>
                  </a:lnTo>
                  <a:lnTo>
                    <a:pt x="8833" y="807"/>
                  </a:lnTo>
                  <a:lnTo>
                    <a:pt x="8810" y="800"/>
                  </a:lnTo>
                  <a:lnTo>
                    <a:pt x="8800" y="795"/>
                  </a:lnTo>
                  <a:lnTo>
                    <a:pt x="8789" y="790"/>
                  </a:lnTo>
                  <a:lnTo>
                    <a:pt x="8779" y="784"/>
                  </a:lnTo>
                  <a:lnTo>
                    <a:pt x="8770" y="779"/>
                  </a:lnTo>
                  <a:lnTo>
                    <a:pt x="8761" y="773"/>
                  </a:lnTo>
                  <a:lnTo>
                    <a:pt x="8751" y="766"/>
                  </a:lnTo>
                  <a:lnTo>
                    <a:pt x="8743" y="759"/>
                  </a:lnTo>
                  <a:lnTo>
                    <a:pt x="8735" y="752"/>
                  </a:lnTo>
                  <a:lnTo>
                    <a:pt x="8728" y="744"/>
                  </a:lnTo>
                  <a:lnTo>
                    <a:pt x="8721" y="736"/>
                  </a:lnTo>
                  <a:lnTo>
                    <a:pt x="8715" y="727"/>
                  </a:lnTo>
                  <a:lnTo>
                    <a:pt x="8710" y="717"/>
                  </a:lnTo>
                  <a:lnTo>
                    <a:pt x="8705" y="707"/>
                  </a:lnTo>
                  <a:lnTo>
                    <a:pt x="8700" y="697"/>
                  </a:lnTo>
                  <a:lnTo>
                    <a:pt x="8696" y="686"/>
                  </a:lnTo>
                  <a:lnTo>
                    <a:pt x="8692" y="675"/>
                  </a:lnTo>
                  <a:lnTo>
                    <a:pt x="8690" y="663"/>
                  </a:lnTo>
                  <a:lnTo>
                    <a:pt x="8688" y="650"/>
                  </a:lnTo>
                  <a:lnTo>
                    <a:pt x="8687" y="637"/>
                  </a:lnTo>
                  <a:lnTo>
                    <a:pt x="8687" y="624"/>
                  </a:lnTo>
                  <a:lnTo>
                    <a:pt x="8687" y="607"/>
                  </a:lnTo>
                  <a:lnTo>
                    <a:pt x="8690" y="592"/>
                  </a:lnTo>
                  <a:lnTo>
                    <a:pt x="8693" y="576"/>
                  </a:lnTo>
                  <a:lnTo>
                    <a:pt x="8699" y="562"/>
                  </a:lnTo>
                  <a:lnTo>
                    <a:pt x="8706" y="549"/>
                  </a:lnTo>
                  <a:lnTo>
                    <a:pt x="8713" y="537"/>
                  </a:lnTo>
                  <a:lnTo>
                    <a:pt x="8721" y="525"/>
                  </a:lnTo>
                  <a:lnTo>
                    <a:pt x="8731" y="514"/>
                  </a:lnTo>
                  <a:lnTo>
                    <a:pt x="8741" y="504"/>
                  </a:lnTo>
                  <a:lnTo>
                    <a:pt x="8752" y="495"/>
                  </a:lnTo>
                  <a:lnTo>
                    <a:pt x="8764" y="487"/>
                  </a:lnTo>
                  <a:lnTo>
                    <a:pt x="8776" y="480"/>
                  </a:lnTo>
                  <a:lnTo>
                    <a:pt x="8789" y="473"/>
                  </a:lnTo>
                  <a:lnTo>
                    <a:pt x="8802" y="467"/>
                  </a:lnTo>
                  <a:lnTo>
                    <a:pt x="8816" y="462"/>
                  </a:lnTo>
                  <a:lnTo>
                    <a:pt x="8829" y="456"/>
                  </a:lnTo>
                  <a:lnTo>
                    <a:pt x="8842" y="452"/>
                  </a:lnTo>
                  <a:lnTo>
                    <a:pt x="8855" y="449"/>
                  </a:lnTo>
                  <a:lnTo>
                    <a:pt x="8869" y="446"/>
                  </a:lnTo>
                  <a:lnTo>
                    <a:pt x="8885" y="443"/>
                  </a:lnTo>
                  <a:lnTo>
                    <a:pt x="8917" y="438"/>
                  </a:lnTo>
                  <a:lnTo>
                    <a:pt x="8952" y="434"/>
                  </a:lnTo>
                  <a:lnTo>
                    <a:pt x="8987" y="431"/>
                  </a:lnTo>
                  <a:lnTo>
                    <a:pt x="9022" y="430"/>
                  </a:lnTo>
                  <a:lnTo>
                    <a:pt x="9057" y="429"/>
                  </a:lnTo>
                  <a:lnTo>
                    <a:pt x="9090" y="428"/>
                  </a:lnTo>
                  <a:lnTo>
                    <a:pt x="9189" y="428"/>
                  </a:lnTo>
                  <a:lnTo>
                    <a:pt x="9188" y="406"/>
                  </a:lnTo>
                  <a:lnTo>
                    <a:pt x="9186" y="386"/>
                  </a:lnTo>
                  <a:lnTo>
                    <a:pt x="9184" y="377"/>
                  </a:lnTo>
                  <a:lnTo>
                    <a:pt x="9181" y="368"/>
                  </a:lnTo>
                  <a:lnTo>
                    <a:pt x="9179" y="360"/>
                  </a:lnTo>
                  <a:lnTo>
                    <a:pt x="9176" y="353"/>
                  </a:lnTo>
                  <a:lnTo>
                    <a:pt x="9172" y="346"/>
                  </a:lnTo>
                  <a:lnTo>
                    <a:pt x="9168" y="340"/>
                  </a:lnTo>
                  <a:lnTo>
                    <a:pt x="9164" y="334"/>
                  </a:lnTo>
                  <a:lnTo>
                    <a:pt x="9160" y="328"/>
                  </a:lnTo>
                  <a:lnTo>
                    <a:pt x="9149" y="319"/>
                  </a:lnTo>
                  <a:lnTo>
                    <a:pt x="9138" y="311"/>
                  </a:lnTo>
                  <a:lnTo>
                    <a:pt x="9125" y="304"/>
                  </a:lnTo>
                  <a:lnTo>
                    <a:pt x="9112" y="299"/>
                  </a:lnTo>
                  <a:lnTo>
                    <a:pt x="9096" y="296"/>
                  </a:lnTo>
                  <a:lnTo>
                    <a:pt x="9081" y="293"/>
                  </a:lnTo>
                  <a:lnTo>
                    <a:pt x="9064" y="291"/>
                  </a:lnTo>
                  <a:lnTo>
                    <a:pt x="9047" y="290"/>
                  </a:lnTo>
                  <a:lnTo>
                    <a:pt x="9029" y="289"/>
                  </a:lnTo>
                  <a:lnTo>
                    <a:pt x="9010" y="289"/>
                  </a:lnTo>
                  <a:lnTo>
                    <a:pt x="8982" y="289"/>
                  </a:lnTo>
                  <a:lnTo>
                    <a:pt x="8955" y="291"/>
                  </a:lnTo>
                  <a:lnTo>
                    <a:pt x="8925" y="294"/>
                  </a:lnTo>
                  <a:lnTo>
                    <a:pt x="8896" y="298"/>
                  </a:lnTo>
                  <a:lnTo>
                    <a:pt x="8866" y="304"/>
                  </a:lnTo>
                  <a:lnTo>
                    <a:pt x="8837" y="310"/>
                  </a:lnTo>
                  <a:lnTo>
                    <a:pt x="8807" y="318"/>
                  </a:lnTo>
                  <a:lnTo>
                    <a:pt x="8780" y="327"/>
                  </a:lnTo>
                  <a:lnTo>
                    <a:pt x="8780" y="203"/>
                  </a:lnTo>
                  <a:lnTo>
                    <a:pt x="8816" y="193"/>
                  </a:lnTo>
                  <a:lnTo>
                    <a:pt x="8852" y="186"/>
                  </a:lnTo>
                  <a:lnTo>
                    <a:pt x="8889" y="181"/>
                  </a:lnTo>
                  <a:lnTo>
                    <a:pt x="8924" y="177"/>
                  </a:lnTo>
                  <a:lnTo>
                    <a:pt x="8959" y="174"/>
                  </a:lnTo>
                  <a:lnTo>
                    <a:pt x="8993" y="172"/>
                  </a:lnTo>
                  <a:lnTo>
                    <a:pt x="9024" y="171"/>
                  </a:lnTo>
                  <a:lnTo>
                    <a:pt x="9054" y="170"/>
                  </a:lnTo>
                  <a:lnTo>
                    <a:pt x="9074" y="171"/>
                  </a:lnTo>
                  <a:lnTo>
                    <a:pt x="9094" y="171"/>
                  </a:lnTo>
                  <a:lnTo>
                    <a:pt x="9115" y="172"/>
                  </a:lnTo>
                  <a:lnTo>
                    <a:pt x="9133" y="174"/>
                  </a:lnTo>
                  <a:lnTo>
                    <a:pt x="9151" y="176"/>
                  </a:lnTo>
                  <a:lnTo>
                    <a:pt x="9169" y="179"/>
                  </a:lnTo>
                  <a:lnTo>
                    <a:pt x="9185" y="182"/>
                  </a:lnTo>
                  <a:lnTo>
                    <a:pt x="9201" y="186"/>
                  </a:lnTo>
                  <a:lnTo>
                    <a:pt x="9217" y="190"/>
                  </a:lnTo>
                  <a:lnTo>
                    <a:pt x="9231" y="194"/>
                  </a:lnTo>
                  <a:lnTo>
                    <a:pt x="9245" y="200"/>
                  </a:lnTo>
                  <a:lnTo>
                    <a:pt x="9258" y="206"/>
                  </a:lnTo>
                  <a:lnTo>
                    <a:pt x="9270" y="212"/>
                  </a:lnTo>
                  <a:lnTo>
                    <a:pt x="9283" y="218"/>
                  </a:lnTo>
                  <a:lnTo>
                    <a:pt x="9294" y="225"/>
                  </a:lnTo>
                  <a:lnTo>
                    <a:pt x="9304" y="232"/>
                  </a:lnTo>
                  <a:lnTo>
                    <a:pt x="9313" y="240"/>
                  </a:lnTo>
                  <a:lnTo>
                    <a:pt x="9322" y="249"/>
                  </a:lnTo>
                  <a:lnTo>
                    <a:pt x="9331" y="257"/>
                  </a:lnTo>
                  <a:lnTo>
                    <a:pt x="9339" y="267"/>
                  </a:lnTo>
                  <a:lnTo>
                    <a:pt x="9346" y="277"/>
                  </a:lnTo>
                  <a:lnTo>
                    <a:pt x="9353" y="287"/>
                  </a:lnTo>
                  <a:lnTo>
                    <a:pt x="9358" y="298"/>
                  </a:lnTo>
                  <a:lnTo>
                    <a:pt x="9364" y="309"/>
                  </a:lnTo>
                  <a:lnTo>
                    <a:pt x="9368" y="320"/>
                  </a:lnTo>
                  <a:lnTo>
                    <a:pt x="9372" y="333"/>
                  </a:lnTo>
                  <a:lnTo>
                    <a:pt x="9375" y="346"/>
                  </a:lnTo>
                  <a:lnTo>
                    <a:pt x="9378" y="359"/>
                  </a:lnTo>
                  <a:lnTo>
                    <a:pt x="9380" y="372"/>
                  </a:lnTo>
                  <a:lnTo>
                    <a:pt x="9381" y="386"/>
                  </a:lnTo>
                  <a:lnTo>
                    <a:pt x="9382" y="401"/>
                  </a:lnTo>
                  <a:lnTo>
                    <a:pt x="9383" y="416"/>
                  </a:lnTo>
                  <a:lnTo>
                    <a:pt x="9383" y="809"/>
                  </a:lnTo>
                  <a:lnTo>
                    <a:pt x="9198" y="809"/>
                  </a:lnTo>
                  <a:close/>
                  <a:moveTo>
                    <a:pt x="9189" y="532"/>
                  </a:moveTo>
                  <a:lnTo>
                    <a:pt x="9120" y="532"/>
                  </a:lnTo>
                  <a:lnTo>
                    <a:pt x="9075" y="533"/>
                  </a:lnTo>
                  <a:lnTo>
                    <a:pt x="9032" y="535"/>
                  </a:lnTo>
                  <a:lnTo>
                    <a:pt x="9012" y="537"/>
                  </a:lnTo>
                  <a:lnTo>
                    <a:pt x="8993" y="540"/>
                  </a:lnTo>
                  <a:lnTo>
                    <a:pt x="8974" y="544"/>
                  </a:lnTo>
                  <a:lnTo>
                    <a:pt x="8958" y="548"/>
                  </a:lnTo>
                  <a:lnTo>
                    <a:pt x="8943" y="553"/>
                  </a:lnTo>
                  <a:lnTo>
                    <a:pt x="8929" y="559"/>
                  </a:lnTo>
                  <a:lnTo>
                    <a:pt x="8916" y="567"/>
                  </a:lnTo>
                  <a:lnTo>
                    <a:pt x="8906" y="575"/>
                  </a:lnTo>
                  <a:lnTo>
                    <a:pt x="8902" y="580"/>
                  </a:lnTo>
                  <a:lnTo>
                    <a:pt x="8898" y="584"/>
                  </a:lnTo>
                  <a:lnTo>
                    <a:pt x="8895" y="590"/>
                  </a:lnTo>
                  <a:lnTo>
                    <a:pt x="8893" y="596"/>
                  </a:lnTo>
                  <a:lnTo>
                    <a:pt x="8890" y="602"/>
                  </a:lnTo>
                  <a:lnTo>
                    <a:pt x="8889" y="608"/>
                  </a:lnTo>
                  <a:lnTo>
                    <a:pt x="8888" y="615"/>
                  </a:lnTo>
                  <a:lnTo>
                    <a:pt x="8888" y="622"/>
                  </a:lnTo>
                  <a:lnTo>
                    <a:pt x="8888" y="633"/>
                  </a:lnTo>
                  <a:lnTo>
                    <a:pt x="8890" y="644"/>
                  </a:lnTo>
                  <a:lnTo>
                    <a:pt x="8892" y="653"/>
                  </a:lnTo>
                  <a:lnTo>
                    <a:pt x="8896" y="663"/>
                  </a:lnTo>
                  <a:lnTo>
                    <a:pt x="8900" y="670"/>
                  </a:lnTo>
                  <a:lnTo>
                    <a:pt x="8905" y="677"/>
                  </a:lnTo>
                  <a:lnTo>
                    <a:pt x="8911" y="683"/>
                  </a:lnTo>
                  <a:lnTo>
                    <a:pt x="8918" y="688"/>
                  </a:lnTo>
                  <a:lnTo>
                    <a:pt x="8926" y="692"/>
                  </a:lnTo>
                  <a:lnTo>
                    <a:pt x="8936" y="696"/>
                  </a:lnTo>
                  <a:lnTo>
                    <a:pt x="8945" y="698"/>
                  </a:lnTo>
                  <a:lnTo>
                    <a:pt x="8955" y="701"/>
                  </a:lnTo>
                  <a:lnTo>
                    <a:pt x="8965" y="702"/>
                  </a:lnTo>
                  <a:lnTo>
                    <a:pt x="8977" y="703"/>
                  </a:lnTo>
                  <a:lnTo>
                    <a:pt x="8989" y="704"/>
                  </a:lnTo>
                  <a:lnTo>
                    <a:pt x="9002" y="703"/>
                  </a:lnTo>
                  <a:lnTo>
                    <a:pt x="9024" y="702"/>
                  </a:lnTo>
                  <a:lnTo>
                    <a:pt x="9047" y="699"/>
                  </a:lnTo>
                  <a:lnTo>
                    <a:pt x="9069" y="695"/>
                  </a:lnTo>
                  <a:lnTo>
                    <a:pt x="9093" y="689"/>
                  </a:lnTo>
                  <a:lnTo>
                    <a:pt x="9105" y="686"/>
                  </a:lnTo>
                  <a:lnTo>
                    <a:pt x="9117" y="681"/>
                  </a:lnTo>
                  <a:lnTo>
                    <a:pt x="9129" y="677"/>
                  </a:lnTo>
                  <a:lnTo>
                    <a:pt x="9141" y="671"/>
                  </a:lnTo>
                  <a:lnTo>
                    <a:pt x="9152" y="665"/>
                  </a:lnTo>
                  <a:lnTo>
                    <a:pt x="9165" y="658"/>
                  </a:lnTo>
                  <a:lnTo>
                    <a:pt x="9177" y="649"/>
                  </a:lnTo>
                  <a:lnTo>
                    <a:pt x="9189" y="641"/>
                  </a:lnTo>
                  <a:lnTo>
                    <a:pt x="9189" y="532"/>
                  </a:lnTo>
                  <a:close/>
                  <a:moveTo>
                    <a:pt x="8396" y="809"/>
                  </a:moveTo>
                  <a:lnTo>
                    <a:pt x="8396" y="516"/>
                  </a:lnTo>
                  <a:lnTo>
                    <a:pt x="8396" y="495"/>
                  </a:lnTo>
                  <a:lnTo>
                    <a:pt x="8395" y="474"/>
                  </a:lnTo>
                  <a:lnTo>
                    <a:pt x="8395" y="453"/>
                  </a:lnTo>
                  <a:lnTo>
                    <a:pt x="8393" y="434"/>
                  </a:lnTo>
                  <a:lnTo>
                    <a:pt x="8391" y="415"/>
                  </a:lnTo>
                  <a:lnTo>
                    <a:pt x="8387" y="398"/>
                  </a:lnTo>
                  <a:lnTo>
                    <a:pt x="8382" y="381"/>
                  </a:lnTo>
                  <a:lnTo>
                    <a:pt x="8376" y="367"/>
                  </a:lnTo>
                  <a:lnTo>
                    <a:pt x="8373" y="360"/>
                  </a:lnTo>
                  <a:lnTo>
                    <a:pt x="8368" y="353"/>
                  </a:lnTo>
                  <a:lnTo>
                    <a:pt x="8364" y="347"/>
                  </a:lnTo>
                  <a:lnTo>
                    <a:pt x="8359" y="342"/>
                  </a:lnTo>
                  <a:lnTo>
                    <a:pt x="8353" y="336"/>
                  </a:lnTo>
                  <a:lnTo>
                    <a:pt x="8346" y="331"/>
                  </a:lnTo>
                  <a:lnTo>
                    <a:pt x="8339" y="326"/>
                  </a:lnTo>
                  <a:lnTo>
                    <a:pt x="8332" y="322"/>
                  </a:lnTo>
                  <a:lnTo>
                    <a:pt x="8324" y="318"/>
                  </a:lnTo>
                  <a:lnTo>
                    <a:pt x="8316" y="315"/>
                  </a:lnTo>
                  <a:lnTo>
                    <a:pt x="8307" y="312"/>
                  </a:lnTo>
                  <a:lnTo>
                    <a:pt x="8297" y="310"/>
                  </a:lnTo>
                  <a:lnTo>
                    <a:pt x="8286" y="308"/>
                  </a:lnTo>
                  <a:lnTo>
                    <a:pt x="8274" y="307"/>
                  </a:lnTo>
                  <a:lnTo>
                    <a:pt x="8262" y="306"/>
                  </a:lnTo>
                  <a:lnTo>
                    <a:pt x="8250" y="306"/>
                  </a:lnTo>
                  <a:lnTo>
                    <a:pt x="8240" y="306"/>
                  </a:lnTo>
                  <a:lnTo>
                    <a:pt x="8229" y="307"/>
                  </a:lnTo>
                  <a:lnTo>
                    <a:pt x="8218" y="308"/>
                  </a:lnTo>
                  <a:lnTo>
                    <a:pt x="8208" y="310"/>
                  </a:lnTo>
                  <a:lnTo>
                    <a:pt x="8197" y="312"/>
                  </a:lnTo>
                  <a:lnTo>
                    <a:pt x="8186" y="315"/>
                  </a:lnTo>
                  <a:lnTo>
                    <a:pt x="8175" y="319"/>
                  </a:lnTo>
                  <a:lnTo>
                    <a:pt x="8164" y="323"/>
                  </a:lnTo>
                  <a:lnTo>
                    <a:pt x="8154" y="328"/>
                  </a:lnTo>
                  <a:lnTo>
                    <a:pt x="8143" y="334"/>
                  </a:lnTo>
                  <a:lnTo>
                    <a:pt x="8133" y="340"/>
                  </a:lnTo>
                  <a:lnTo>
                    <a:pt x="8123" y="347"/>
                  </a:lnTo>
                  <a:lnTo>
                    <a:pt x="8113" y="354"/>
                  </a:lnTo>
                  <a:lnTo>
                    <a:pt x="8103" y="362"/>
                  </a:lnTo>
                  <a:lnTo>
                    <a:pt x="8094" y="371"/>
                  </a:lnTo>
                  <a:lnTo>
                    <a:pt x="8086" y="381"/>
                  </a:lnTo>
                  <a:lnTo>
                    <a:pt x="8086" y="809"/>
                  </a:lnTo>
                  <a:lnTo>
                    <a:pt x="7887" y="809"/>
                  </a:lnTo>
                  <a:lnTo>
                    <a:pt x="7887" y="183"/>
                  </a:lnTo>
                  <a:lnTo>
                    <a:pt x="8086" y="183"/>
                  </a:lnTo>
                  <a:lnTo>
                    <a:pt x="8086" y="248"/>
                  </a:lnTo>
                  <a:lnTo>
                    <a:pt x="8095" y="239"/>
                  </a:lnTo>
                  <a:lnTo>
                    <a:pt x="8106" y="231"/>
                  </a:lnTo>
                  <a:lnTo>
                    <a:pt x="8117" y="224"/>
                  </a:lnTo>
                  <a:lnTo>
                    <a:pt x="8130" y="217"/>
                  </a:lnTo>
                  <a:lnTo>
                    <a:pt x="8142" y="210"/>
                  </a:lnTo>
                  <a:lnTo>
                    <a:pt x="8155" y="204"/>
                  </a:lnTo>
                  <a:lnTo>
                    <a:pt x="8169" y="197"/>
                  </a:lnTo>
                  <a:lnTo>
                    <a:pt x="8184" y="192"/>
                  </a:lnTo>
                  <a:lnTo>
                    <a:pt x="8199" y="187"/>
                  </a:lnTo>
                  <a:lnTo>
                    <a:pt x="8214" y="183"/>
                  </a:lnTo>
                  <a:lnTo>
                    <a:pt x="8229" y="179"/>
                  </a:lnTo>
                  <a:lnTo>
                    <a:pt x="8246" y="176"/>
                  </a:lnTo>
                  <a:lnTo>
                    <a:pt x="8262" y="174"/>
                  </a:lnTo>
                  <a:lnTo>
                    <a:pt x="8278" y="172"/>
                  </a:lnTo>
                  <a:lnTo>
                    <a:pt x="8296" y="171"/>
                  </a:lnTo>
                  <a:lnTo>
                    <a:pt x="8312" y="170"/>
                  </a:lnTo>
                  <a:lnTo>
                    <a:pt x="8334" y="171"/>
                  </a:lnTo>
                  <a:lnTo>
                    <a:pt x="8357" y="172"/>
                  </a:lnTo>
                  <a:lnTo>
                    <a:pt x="8376" y="174"/>
                  </a:lnTo>
                  <a:lnTo>
                    <a:pt x="8395" y="177"/>
                  </a:lnTo>
                  <a:lnTo>
                    <a:pt x="8414" y="180"/>
                  </a:lnTo>
                  <a:lnTo>
                    <a:pt x="8430" y="184"/>
                  </a:lnTo>
                  <a:lnTo>
                    <a:pt x="8446" y="189"/>
                  </a:lnTo>
                  <a:lnTo>
                    <a:pt x="8461" y="195"/>
                  </a:lnTo>
                  <a:lnTo>
                    <a:pt x="8475" y="202"/>
                  </a:lnTo>
                  <a:lnTo>
                    <a:pt x="8488" y="208"/>
                  </a:lnTo>
                  <a:lnTo>
                    <a:pt x="8500" y="216"/>
                  </a:lnTo>
                  <a:lnTo>
                    <a:pt x="8511" y="223"/>
                  </a:lnTo>
                  <a:lnTo>
                    <a:pt x="8521" y="232"/>
                  </a:lnTo>
                  <a:lnTo>
                    <a:pt x="8531" y="240"/>
                  </a:lnTo>
                  <a:lnTo>
                    <a:pt x="8540" y="250"/>
                  </a:lnTo>
                  <a:lnTo>
                    <a:pt x="8547" y="259"/>
                  </a:lnTo>
                  <a:lnTo>
                    <a:pt x="8554" y="270"/>
                  </a:lnTo>
                  <a:lnTo>
                    <a:pt x="8561" y="281"/>
                  </a:lnTo>
                  <a:lnTo>
                    <a:pt x="8566" y="291"/>
                  </a:lnTo>
                  <a:lnTo>
                    <a:pt x="8572" y="302"/>
                  </a:lnTo>
                  <a:lnTo>
                    <a:pt x="8576" y="314"/>
                  </a:lnTo>
                  <a:lnTo>
                    <a:pt x="8580" y="325"/>
                  </a:lnTo>
                  <a:lnTo>
                    <a:pt x="8584" y="338"/>
                  </a:lnTo>
                  <a:lnTo>
                    <a:pt x="8587" y="350"/>
                  </a:lnTo>
                  <a:lnTo>
                    <a:pt x="8592" y="375"/>
                  </a:lnTo>
                  <a:lnTo>
                    <a:pt x="8595" y="401"/>
                  </a:lnTo>
                  <a:lnTo>
                    <a:pt x="8596" y="426"/>
                  </a:lnTo>
                  <a:lnTo>
                    <a:pt x="8597" y="452"/>
                  </a:lnTo>
                  <a:lnTo>
                    <a:pt x="8597" y="809"/>
                  </a:lnTo>
                  <a:lnTo>
                    <a:pt x="8396" y="809"/>
                  </a:lnTo>
                  <a:close/>
                  <a:moveTo>
                    <a:pt x="7563" y="809"/>
                  </a:moveTo>
                  <a:lnTo>
                    <a:pt x="7563" y="745"/>
                  </a:lnTo>
                  <a:lnTo>
                    <a:pt x="7552" y="754"/>
                  </a:lnTo>
                  <a:lnTo>
                    <a:pt x="7541" y="763"/>
                  </a:lnTo>
                  <a:lnTo>
                    <a:pt x="7529" y="772"/>
                  </a:lnTo>
                  <a:lnTo>
                    <a:pt x="7518" y="779"/>
                  </a:lnTo>
                  <a:lnTo>
                    <a:pt x="7505" y="786"/>
                  </a:lnTo>
                  <a:lnTo>
                    <a:pt x="7492" y="794"/>
                  </a:lnTo>
                  <a:lnTo>
                    <a:pt x="7478" y="800"/>
                  </a:lnTo>
                  <a:lnTo>
                    <a:pt x="7464" y="805"/>
                  </a:lnTo>
                  <a:lnTo>
                    <a:pt x="7449" y="809"/>
                  </a:lnTo>
                  <a:lnTo>
                    <a:pt x="7434" y="813"/>
                  </a:lnTo>
                  <a:lnTo>
                    <a:pt x="7417" y="817"/>
                  </a:lnTo>
                  <a:lnTo>
                    <a:pt x="7400" y="819"/>
                  </a:lnTo>
                  <a:lnTo>
                    <a:pt x="7383" y="821"/>
                  </a:lnTo>
                  <a:lnTo>
                    <a:pt x="7364" y="823"/>
                  </a:lnTo>
                  <a:lnTo>
                    <a:pt x="7345" y="824"/>
                  </a:lnTo>
                  <a:lnTo>
                    <a:pt x="7326" y="824"/>
                  </a:lnTo>
                  <a:lnTo>
                    <a:pt x="7298" y="823"/>
                  </a:lnTo>
                  <a:lnTo>
                    <a:pt x="7272" y="821"/>
                  </a:lnTo>
                  <a:lnTo>
                    <a:pt x="7246" y="818"/>
                  </a:lnTo>
                  <a:lnTo>
                    <a:pt x="7222" y="814"/>
                  </a:lnTo>
                  <a:lnTo>
                    <a:pt x="7198" y="807"/>
                  </a:lnTo>
                  <a:lnTo>
                    <a:pt x="7175" y="800"/>
                  </a:lnTo>
                  <a:lnTo>
                    <a:pt x="7164" y="795"/>
                  </a:lnTo>
                  <a:lnTo>
                    <a:pt x="7154" y="790"/>
                  </a:lnTo>
                  <a:lnTo>
                    <a:pt x="7144" y="784"/>
                  </a:lnTo>
                  <a:lnTo>
                    <a:pt x="7134" y="779"/>
                  </a:lnTo>
                  <a:lnTo>
                    <a:pt x="7125" y="773"/>
                  </a:lnTo>
                  <a:lnTo>
                    <a:pt x="7116" y="766"/>
                  </a:lnTo>
                  <a:lnTo>
                    <a:pt x="7108" y="759"/>
                  </a:lnTo>
                  <a:lnTo>
                    <a:pt x="7100" y="752"/>
                  </a:lnTo>
                  <a:lnTo>
                    <a:pt x="7093" y="744"/>
                  </a:lnTo>
                  <a:lnTo>
                    <a:pt x="7086" y="736"/>
                  </a:lnTo>
                  <a:lnTo>
                    <a:pt x="7079" y="727"/>
                  </a:lnTo>
                  <a:lnTo>
                    <a:pt x="7074" y="717"/>
                  </a:lnTo>
                  <a:lnTo>
                    <a:pt x="7069" y="707"/>
                  </a:lnTo>
                  <a:lnTo>
                    <a:pt x="7064" y="697"/>
                  </a:lnTo>
                  <a:lnTo>
                    <a:pt x="7060" y="686"/>
                  </a:lnTo>
                  <a:lnTo>
                    <a:pt x="7057" y="675"/>
                  </a:lnTo>
                  <a:lnTo>
                    <a:pt x="7055" y="663"/>
                  </a:lnTo>
                  <a:lnTo>
                    <a:pt x="7053" y="650"/>
                  </a:lnTo>
                  <a:lnTo>
                    <a:pt x="7052" y="637"/>
                  </a:lnTo>
                  <a:lnTo>
                    <a:pt x="7052" y="624"/>
                  </a:lnTo>
                  <a:lnTo>
                    <a:pt x="7052" y="607"/>
                  </a:lnTo>
                  <a:lnTo>
                    <a:pt x="7055" y="592"/>
                  </a:lnTo>
                  <a:lnTo>
                    <a:pt x="7058" y="576"/>
                  </a:lnTo>
                  <a:lnTo>
                    <a:pt x="7063" y="562"/>
                  </a:lnTo>
                  <a:lnTo>
                    <a:pt x="7070" y="549"/>
                  </a:lnTo>
                  <a:lnTo>
                    <a:pt x="7077" y="537"/>
                  </a:lnTo>
                  <a:lnTo>
                    <a:pt x="7086" y="525"/>
                  </a:lnTo>
                  <a:lnTo>
                    <a:pt x="7096" y="514"/>
                  </a:lnTo>
                  <a:lnTo>
                    <a:pt x="7106" y="504"/>
                  </a:lnTo>
                  <a:lnTo>
                    <a:pt x="7117" y="495"/>
                  </a:lnTo>
                  <a:lnTo>
                    <a:pt x="7128" y="487"/>
                  </a:lnTo>
                  <a:lnTo>
                    <a:pt x="7141" y="480"/>
                  </a:lnTo>
                  <a:lnTo>
                    <a:pt x="7154" y="473"/>
                  </a:lnTo>
                  <a:lnTo>
                    <a:pt x="7167" y="467"/>
                  </a:lnTo>
                  <a:lnTo>
                    <a:pt x="7180" y="462"/>
                  </a:lnTo>
                  <a:lnTo>
                    <a:pt x="7193" y="456"/>
                  </a:lnTo>
                  <a:lnTo>
                    <a:pt x="7206" y="452"/>
                  </a:lnTo>
                  <a:lnTo>
                    <a:pt x="7220" y="449"/>
                  </a:lnTo>
                  <a:lnTo>
                    <a:pt x="7234" y="446"/>
                  </a:lnTo>
                  <a:lnTo>
                    <a:pt x="7249" y="443"/>
                  </a:lnTo>
                  <a:lnTo>
                    <a:pt x="7282" y="438"/>
                  </a:lnTo>
                  <a:lnTo>
                    <a:pt x="7317" y="434"/>
                  </a:lnTo>
                  <a:lnTo>
                    <a:pt x="7351" y="431"/>
                  </a:lnTo>
                  <a:lnTo>
                    <a:pt x="7387" y="430"/>
                  </a:lnTo>
                  <a:lnTo>
                    <a:pt x="7421" y="429"/>
                  </a:lnTo>
                  <a:lnTo>
                    <a:pt x="7455" y="428"/>
                  </a:lnTo>
                  <a:lnTo>
                    <a:pt x="7554" y="428"/>
                  </a:lnTo>
                  <a:lnTo>
                    <a:pt x="7553" y="406"/>
                  </a:lnTo>
                  <a:lnTo>
                    <a:pt x="7550" y="386"/>
                  </a:lnTo>
                  <a:lnTo>
                    <a:pt x="7548" y="377"/>
                  </a:lnTo>
                  <a:lnTo>
                    <a:pt x="7546" y="368"/>
                  </a:lnTo>
                  <a:lnTo>
                    <a:pt x="7544" y="360"/>
                  </a:lnTo>
                  <a:lnTo>
                    <a:pt x="7539" y="353"/>
                  </a:lnTo>
                  <a:lnTo>
                    <a:pt x="7536" y="346"/>
                  </a:lnTo>
                  <a:lnTo>
                    <a:pt x="7532" y="340"/>
                  </a:lnTo>
                  <a:lnTo>
                    <a:pt x="7528" y="334"/>
                  </a:lnTo>
                  <a:lnTo>
                    <a:pt x="7524" y="328"/>
                  </a:lnTo>
                  <a:lnTo>
                    <a:pt x="7514" y="319"/>
                  </a:lnTo>
                  <a:lnTo>
                    <a:pt x="7502" y="311"/>
                  </a:lnTo>
                  <a:lnTo>
                    <a:pt x="7490" y="304"/>
                  </a:lnTo>
                  <a:lnTo>
                    <a:pt x="7476" y="299"/>
                  </a:lnTo>
                  <a:lnTo>
                    <a:pt x="7461" y="296"/>
                  </a:lnTo>
                  <a:lnTo>
                    <a:pt x="7446" y="293"/>
                  </a:lnTo>
                  <a:lnTo>
                    <a:pt x="7429" y="291"/>
                  </a:lnTo>
                  <a:lnTo>
                    <a:pt x="7411" y="290"/>
                  </a:lnTo>
                  <a:lnTo>
                    <a:pt x="7394" y="289"/>
                  </a:lnTo>
                  <a:lnTo>
                    <a:pt x="7375" y="289"/>
                  </a:lnTo>
                  <a:lnTo>
                    <a:pt x="7347" y="289"/>
                  </a:lnTo>
                  <a:lnTo>
                    <a:pt x="7319" y="291"/>
                  </a:lnTo>
                  <a:lnTo>
                    <a:pt x="7290" y="294"/>
                  </a:lnTo>
                  <a:lnTo>
                    <a:pt x="7261" y="298"/>
                  </a:lnTo>
                  <a:lnTo>
                    <a:pt x="7231" y="304"/>
                  </a:lnTo>
                  <a:lnTo>
                    <a:pt x="7202" y="310"/>
                  </a:lnTo>
                  <a:lnTo>
                    <a:pt x="7172" y="318"/>
                  </a:lnTo>
                  <a:lnTo>
                    <a:pt x="7145" y="327"/>
                  </a:lnTo>
                  <a:lnTo>
                    <a:pt x="7145" y="203"/>
                  </a:lnTo>
                  <a:lnTo>
                    <a:pt x="7180" y="193"/>
                  </a:lnTo>
                  <a:lnTo>
                    <a:pt x="7217" y="186"/>
                  </a:lnTo>
                  <a:lnTo>
                    <a:pt x="7254" y="181"/>
                  </a:lnTo>
                  <a:lnTo>
                    <a:pt x="7289" y="177"/>
                  </a:lnTo>
                  <a:lnTo>
                    <a:pt x="7324" y="174"/>
                  </a:lnTo>
                  <a:lnTo>
                    <a:pt x="7357" y="172"/>
                  </a:lnTo>
                  <a:lnTo>
                    <a:pt x="7389" y="171"/>
                  </a:lnTo>
                  <a:lnTo>
                    <a:pt x="7418" y="170"/>
                  </a:lnTo>
                  <a:lnTo>
                    <a:pt x="7439" y="171"/>
                  </a:lnTo>
                  <a:lnTo>
                    <a:pt x="7459" y="171"/>
                  </a:lnTo>
                  <a:lnTo>
                    <a:pt x="7478" y="172"/>
                  </a:lnTo>
                  <a:lnTo>
                    <a:pt x="7498" y="174"/>
                  </a:lnTo>
                  <a:lnTo>
                    <a:pt x="7516" y="176"/>
                  </a:lnTo>
                  <a:lnTo>
                    <a:pt x="7533" y="179"/>
                  </a:lnTo>
                  <a:lnTo>
                    <a:pt x="7550" y="182"/>
                  </a:lnTo>
                  <a:lnTo>
                    <a:pt x="7566" y="186"/>
                  </a:lnTo>
                  <a:lnTo>
                    <a:pt x="7581" y="190"/>
                  </a:lnTo>
                  <a:lnTo>
                    <a:pt x="7595" y="194"/>
                  </a:lnTo>
                  <a:lnTo>
                    <a:pt x="7610" y="200"/>
                  </a:lnTo>
                  <a:lnTo>
                    <a:pt x="7623" y="206"/>
                  </a:lnTo>
                  <a:lnTo>
                    <a:pt x="7635" y="212"/>
                  </a:lnTo>
                  <a:lnTo>
                    <a:pt x="7647" y="218"/>
                  </a:lnTo>
                  <a:lnTo>
                    <a:pt x="7657" y="225"/>
                  </a:lnTo>
                  <a:lnTo>
                    <a:pt x="7669" y="232"/>
                  </a:lnTo>
                  <a:lnTo>
                    <a:pt x="7678" y="240"/>
                  </a:lnTo>
                  <a:lnTo>
                    <a:pt x="7687" y="249"/>
                  </a:lnTo>
                  <a:lnTo>
                    <a:pt x="7696" y="257"/>
                  </a:lnTo>
                  <a:lnTo>
                    <a:pt x="7703" y="267"/>
                  </a:lnTo>
                  <a:lnTo>
                    <a:pt x="7710" y="277"/>
                  </a:lnTo>
                  <a:lnTo>
                    <a:pt x="7718" y="287"/>
                  </a:lnTo>
                  <a:lnTo>
                    <a:pt x="7723" y="298"/>
                  </a:lnTo>
                  <a:lnTo>
                    <a:pt x="7728" y="309"/>
                  </a:lnTo>
                  <a:lnTo>
                    <a:pt x="7733" y="320"/>
                  </a:lnTo>
                  <a:lnTo>
                    <a:pt x="7737" y="333"/>
                  </a:lnTo>
                  <a:lnTo>
                    <a:pt x="7740" y="346"/>
                  </a:lnTo>
                  <a:lnTo>
                    <a:pt x="7743" y="359"/>
                  </a:lnTo>
                  <a:lnTo>
                    <a:pt x="7745" y="372"/>
                  </a:lnTo>
                  <a:lnTo>
                    <a:pt x="7746" y="386"/>
                  </a:lnTo>
                  <a:lnTo>
                    <a:pt x="7747" y="401"/>
                  </a:lnTo>
                  <a:lnTo>
                    <a:pt x="7748" y="416"/>
                  </a:lnTo>
                  <a:lnTo>
                    <a:pt x="7748" y="809"/>
                  </a:lnTo>
                  <a:lnTo>
                    <a:pt x="7563" y="809"/>
                  </a:lnTo>
                  <a:close/>
                  <a:moveTo>
                    <a:pt x="7554" y="532"/>
                  </a:moveTo>
                  <a:lnTo>
                    <a:pt x="7485" y="532"/>
                  </a:lnTo>
                  <a:lnTo>
                    <a:pt x="7440" y="533"/>
                  </a:lnTo>
                  <a:lnTo>
                    <a:pt x="7397" y="535"/>
                  </a:lnTo>
                  <a:lnTo>
                    <a:pt x="7377" y="537"/>
                  </a:lnTo>
                  <a:lnTo>
                    <a:pt x="7357" y="540"/>
                  </a:lnTo>
                  <a:lnTo>
                    <a:pt x="7339" y="544"/>
                  </a:lnTo>
                  <a:lnTo>
                    <a:pt x="7323" y="548"/>
                  </a:lnTo>
                  <a:lnTo>
                    <a:pt x="7307" y="553"/>
                  </a:lnTo>
                  <a:lnTo>
                    <a:pt x="7293" y="559"/>
                  </a:lnTo>
                  <a:lnTo>
                    <a:pt x="7287" y="563"/>
                  </a:lnTo>
                  <a:lnTo>
                    <a:pt x="7281" y="567"/>
                  </a:lnTo>
                  <a:lnTo>
                    <a:pt x="7276" y="571"/>
                  </a:lnTo>
                  <a:lnTo>
                    <a:pt x="7271" y="575"/>
                  </a:lnTo>
                  <a:lnTo>
                    <a:pt x="7267" y="580"/>
                  </a:lnTo>
                  <a:lnTo>
                    <a:pt x="7263" y="584"/>
                  </a:lnTo>
                  <a:lnTo>
                    <a:pt x="7260" y="590"/>
                  </a:lnTo>
                  <a:lnTo>
                    <a:pt x="7257" y="596"/>
                  </a:lnTo>
                  <a:lnTo>
                    <a:pt x="7255" y="602"/>
                  </a:lnTo>
                  <a:lnTo>
                    <a:pt x="7254" y="608"/>
                  </a:lnTo>
                  <a:lnTo>
                    <a:pt x="7252" y="615"/>
                  </a:lnTo>
                  <a:lnTo>
                    <a:pt x="7252" y="622"/>
                  </a:lnTo>
                  <a:lnTo>
                    <a:pt x="7252" y="633"/>
                  </a:lnTo>
                  <a:lnTo>
                    <a:pt x="7255" y="644"/>
                  </a:lnTo>
                  <a:lnTo>
                    <a:pt x="7257" y="653"/>
                  </a:lnTo>
                  <a:lnTo>
                    <a:pt x="7261" y="663"/>
                  </a:lnTo>
                  <a:lnTo>
                    <a:pt x="7265" y="670"/>
                  </a:lnTo>
                  <a:lnTo>
                    <a:pt x="7270" y="677"/>
                  </a:lnTo>
                  <a:lnTo>
                    <a:pt x="7276" y="683"/>
                  </a:lnTo>
                  <a:lnTo>
                    <a:pt x="7283" y="688"/>
                  </a:lnTo>
                  <a:lnTo>
                    <a:pt x="7291" y="692"/>
                  </a:lnTo>
                  <a:lnTo>
                    <a:pt x="7299" y="696"/>
                  </a:lnTo>
                  <a:lnTo>
                    <a:pt x="7309" y="698"/>
                  </a:lnTo>
                  <a:lnTo>
                    <a:pt x="7320" y="701"/>
                  </a:lnTo>
                  <a:lnTo>
                    <a:pt x="7330" y="702"/>
                  </a:lnTo>
                  <a:lnTo>
                    <a:pt x="7342" y="703"/>
                  </a:lnTo>
                  <a:lnTo>
                    <a:pt x="7353" y="704"/>
                  </a:lnTo>
                  <a:lnTo>
                    <a:pt x="7366" y="703"/>
                  </a:lnTo>
                  <a:lnTo>
                    <a:pt x="7389" y="702"/>
                  </a:lnTo>
                  <a:lnTo>
                    <a:pt x="7411" y="699"/>
                  </a:lnTo>
                  <a:lnTo>
                    <a:pt x="7434" y="695"/>
                  </a:lnTo>
                  <a:lnTo>
                    <a:pt x="7458" y="689"/>
                  </a:lnTo>
                  <a:lnTo>
                    <a:pt x="7469" y="686"/>
                  </a:lnTo>
                  <a:lnTo>
                    <a:pt x="7481" y="681"/>
                  </a:lnTo>
                  <a:lnTo>
                    <a:pt x="7494" y="677"/>
                  </a:lnTo>
                  <a:lnTo>
                    <a:pt x="7505" y="671"/>
                  </a:lnTo>
                  <a:lnTo>
                    <a:pt x="7517" y="665"/>
                  </a:lnTo>
                  <a:lnTo>
                    <a:pt x="7529" y="658"/>
                  </a:lnTo>
                  <a:lnTo>
                    <a:pt x="7541" y="649"/>
                  </a:lnTo>
                  <a:lnTo>
                    <a:pt x="7554" y="641"/>
                  </a:lnTo>
                  <a:lnTo>
                    <a:pt x="7554" y="532"/>
                  </a:lnTo>
                  <a:close/>
                  <a:moveTo>
                    <a:pt x="6696" y="809"/>
                  </a:moveTo>
                  <a:lnTo>
                    <a:pt x="6696" y="168"/>
                  </a:lnTo>
                  <a:lnTo>
                    <a:pt x="6684" y="168"/>
                  </a:lnTo>
                  <a:lnTo>
                    <a:pt x="6449" y="809"/>
                  </a:lnTo>
                  <a:lnTo>
                    <a:pt x="6233" y="809"/>
                  </a:lnTo>
                  <a:lnTo>
                    <a:pt x="5996" y="168"/>
                  </a:lnTo>
                  <a:lnTo>
                    <a:pt x="5984" y="168"/>
                  </a:lnTo>
                  <a:lnTo>
                    <a:pt x="5984" y="809"/>
                  </a:lnTo>
                  <a:lnTo>
                    <a:pt x="5753" y="809"/>
                  </a:lnTo>
                  <a:lnTo>
                    <a:pt x="5753" y="0"/>
                  </a:lnTo>
                  <a:lnTo>
                    <a:pt x="6134" y="0"/>
                  </a:lnTo>
                  <a:lnTo>
                    <a:pt x="6341" y="574"/>
                  </a:lnTo>
                  <a:lnTo>
                    <a:pt x="6547" y="0"/>
                  </a:lnTo>
                  <a:lnTo>
                    <a:pt x="6929" y="0"/>
                  </a:lnTo>
                  <a:lnTo>
                    <a:pt x="6929" y="809"/>
                  </a:lnTo>
                  <a:lnTo>
                    <a:pt x="6696" y="809"/>
                  </a:lnTo>
                  <a:close/>
                  <a:moveTo>
                    <a:pt x="5104" y="824"/>
                  </a:moveTo>
                  <a:lnTo>
                    <a:pt x="5071" y="823"/>
                  </a:lnTo>
                  <a:lnTo>
                    <a:pt x="5039" y="821"/>
                  </a:lnTo>
                  <a:lnTo>
                    <a:pt x="5025" y="819"/>
                  </a:lnTo>
                  <a:lnTo>
                    <a:pt x="5012" y="817"/>
                  </a:lnTo>
                  <a:lnTo>
                    <a:pt x="4998" y="814"/>
                  </a:lnTo>
                  <a:lnTo>
                    <a:pt x="4986" y="811"/>
                  </a:lnTo>
                  <a:lnTo>
                    <a:pt x="4975" y="807"/>
                  </a:lnTo>
                  <a:lnTo>
                    <a:pt x="4964" y="803"/>
                  </a:lnTo>
                  <a:lnTo>
                    <a:pt x="4954" y="798"/>
                  </a:lnTo>
                  <a:lnTo>
                    <a:pt x="4943" y="793"/>
                  </a:lnTo>
                  <a:lnTo>
                    <a:pt x="4934" y="787"/>
                  </a:lnTo>
                  <a:lnTo>
                    <a:pt x="4926" y="781"/>
                  </a:lnTo>
                  <a:lnTo>
                    <a:pt x="4918" y="775"/>
                  </a:lnTo>
                  <a:lnTo>
                    <a:pt x="4911" y="768"/>
                  </a:lnTo>
                  <a:lnTo>
                    <a:pt x="4904" y="761"/>
                  </a:lnTo>
                  <a:lnTo>
                    <a:pt x="4898" y="753"/>
                  </a:lnTo>
                  <a:lnTo>
                    <a:pt x="4892" y="745"/>
                  </a:lnTo>
                  <a:lnTo>
                    <a:pt x="4887" y="736"/>
                  </a:lnTo>
                  <a:lnTo>
                    <a:pt x="4881" y="727"/>
                  </a:lnTo>
                  <a:lnTo>
                    <a:pt x="4877" y="716"/>
                  </a:lnTo>
                  <a:lnTo>
                    <a:pt x="4873" y="706"/>
                  </a:lnTo>
                  <a:lnTo>
                    <a:pt x="4870" y="695"/>
                  </a:lnTo>
                  <a:lnTo>
                    <a:pt x="4867" y="684"/>
                  </a:lnTo>
                  <a:lnTo>
                    <a:pt x="4865" y="672"/>
                  </a:lnTo>
                  <a:lnTo>
                    <a:pt x="4863" y="660"/>
                  </a:lnTo>
                  <a:lnTo>
                    <a:pt x="4861" y="646"/>
                  </a:lnTo>
                  <a:lnTo>
                    <a:pt x="4859" y="619"/>
                  </a:lnTo>
                  <a:lnTo>
                    <a:pt x="4858" y="589"/>
                  </a:lnTo>
                  <a:lnTo>
                    <a:pt x="4858" y="39"/>
                  </a:lnTo>
                  <a:lnTo>
                    <a:pt x="5056" y="39"/>
                  </a:lnTo>
                  <a:lnTo>
                    <a:pt x="5056" y="183"/>
                  </a:lnTo>
                  <a:lnTo>
                    <a:pt x="5272" y="183"/>
                  </a:lnTo>
                  <a:lnTo>
                    <a:pt x="5272" y="306"/>
                  </a:lnTo>
                  <a:lnTo>
                    <a:pt x="5056" y="306"/>
                  </a:lnTo>
                  <a:lnTo>
                    <a:pt x="5056" y="545"/>
                  </a:lnTo>
                  <a:lnTo>
                    <a:pt x="5056" y="566"/>
                  </a:lnTo>
                  <a:lnTo>
                    <a:pt x="5057" y="586"/>
                  </a:lnTo>
                  <a:lnTo>
                    <a:pt x="5060" y="604"/>
                  </a:lnTo>
                  <a:lnTo>
                    <a:pt x="5062" y="620"/>
                  </a:lnTo>
                  <a:lnTo>
                    <a:pt x="5066" y="633"/>
                  </a:lnTo>
                  <a:lnTo>
                    <a:pt x="5069" y="645"/>
                  </a:lnTo>
                  <a:lnTo>
                    <a:pt x="5074" y="656"/>
                  </a:lnTo>
                  <a:lnTo>
                    <a:pt x="5079" y="666"/>
                  </a:lnTo>
                  <a:lnTo>
                    <a:pt x="5085" y="673"/>
                  </a:lnTo>
                  <a:lnTo>
                    <a:pt x="5092" y="679"/>
                  </a:lnTo>
                  <a:lnTo>
                    <a:pt x="5100" y="685"/>
                  </a:lnTo>
                  <a:lnTo>
                    <a:pt x="5109" y="689"/>
                  </a:lnTo>
                  <a:lnTo>
                    <a:pt x="5119" y="692"/>
                  </a:lnTo>
                  <a:lnTo>
                    <a:pt x="5130" y="694"/>
                  </a:lnTo>
                  <a:lnTo>
                    <a:pt x="5141" y="696"/>
                  </a:lnTo>
                  <a:lnTo>
                    <a:pt x="5153" y="697"/>
                  </a:lnTo>
                  <a:lnTo>
                    <a:pt x="5163" y="698"/>
                  </a:lnTo>
                  <a:lnTo>
                    <a:pt x="5176" y="697"/>
                  </a:lnTo>
                  <a:lnTo>
                    <a:pt x="5190" y="697"/>
                  </a:lnTo>
                  <a:lnTo>
                    <a:pt x="5205" y="695"/>
                  </a:lnTo>
                  <a:lnTo>
                    <a:pt x="5221" y="693"/>
                  </a:lnTo>
                  <a:lnTo>
                    <a:pt x="5238" y="690"/>
                  </a:lnTo>
                  <a:lnTo>
                    <a:pt x="5255" y="687"/>
                  </a:lnTo>
                  <a:lnTo>
                    <a:pt x="5272" y="682"/>
                  </a:lnTo>
                  <a:lnTo>
                    <a:pt x="5272" y="811"/>
                  </a:lnTo>
                  <a:lnTo>
                    <a:pt x="5253" y="814"/>
                  </a:lnTo>
                  <a:lnTo>
                    <a:pt x="5231" y="817"/>
                  </a:lnTo>
                  <a:lnTo>
                    <a:pt x="5209" y="819"/>
                  </a:lnTo>
                  <a:lnTo>
                    <a:pt x="5187" y="821"/>
                  </a:lnTo>
                  <a:lnTo>
                    <a:pt x="5164" y="822"/>
                  </a:lnTo>
                  <a:lnTo>
                    <a:pt x="5142" y="823"/>
                  </a:lnTo>
                  <a:lnTo>
                    <a:pt x="5123" y="824"/>
                  </a:lnTo>
                  <a:lnTo>
                    <a:pt x="5104" y="824"/>
                  </a:lnTo>
                  <a:close/>
                  <a:moveTo>
                    <a:pt x="4253" y="549"/>
                  </a:moveTo>
                  <a:lnTo>
                    <a:pt x="4254" y="558"/>
                  </a:lnTo>
                  <a:lnTo>
                    <a:pt x="4256" y="567"/>
                  </a:lnTo>
                  <a:lnTo>
                    <a:pt x="4258" y="576"/>
                  </a:lnTo>
                  <a:lnTo>
                    <a:pt x="4261" y="584"/>
                  </a:lnTo>
                  <a:lnTo>
                    <a:pt x="4264" y="593"/>
                  </a:lnTo>
                  <a:lnTo>
                    <a:pt x="4267" y="600"/>
                  </a:lnTo>
                  <a:lnTo>
                    <a:pt x="4271" y="608"/>
                  </a:lnTo>
                  <a:lnTo>
                    <a:pt x="4275" y="615"/>
                  </a:lnTo>
                  <a:lnTo>
                    <a:pt x="4279" y="622"/>
                  </a:lnTo>
                  <a:lnTo>
                    <a:pt x="4284" y="628"/>
                  </a:lnTo>
                  <a:lnTo>
                    <a:pt x="4290" y="634"/>
                  </a:lnTo>
                  <a:lnTo>
                    <a:pt x="4295" y="640"/>
                  </a:lnTo>
                  <a:lnTo>
                    <a:pt x="4308" y="651"/>
                  </a:lnTo>
                  <a:lnTo>
                    <a:pt x="4323" y="661"/>
                  </a:lnTo>
                  <a:lnTo>
                    <a:pt x="4338" y="670"/>
                  </a:lnTo>
                  <a:lnTo>
                    <a:pt x="4355" y="677"/>
                  </a:lnTo>
                  <a:lnTo>
                    <a:pt x="4373" y="683"/>
                  </a:lnTo>
                  <a:lnTo>
                    <a:pt x="4393" y="688"/>
                  </a:lnTo>
                  <a:lnTo>
                    <a:pt x="4413" y="692"/>
                  </a:lnTo>
                  <a:lnTo>
                    <a:pt x="4435" y="695"/>
                  </a:lnTo>
                  <a:lnTo>
                    <a:pt x="4457" y="697"/>
                  </a:lnTo>
                  <a:lnTo>
                    <a:pt x="4481" y="697"/>
                  </a:lnTo>
                  <a:lnTo>
                    <a:pt x="4510" y="697"/>
                  </a:lnTo>
                  <a:lnTo>
                    <a:pt x="4536" y="695"/>
                  </a:lnTo>
                  <a:lnTo>
                    <a:pt x="4563" y="693"/>
                  </a:lnTo>
                  <a:lnTo>
                    <a:pt x="4587" y="690"/>
                  </a:lnTo>
                  <a:lnTo>
                    <a:pt x="4612" y="686"/>
                  </a:lnTo>
                  <a:lnTo>
                    <a:pt x="4637" y="681"/>
                  </a:lnTo>
                  <a:lnTo>
                    <a:pt x="4663" y="675"/>
                  </a:lnTo>
                  <a:lnTo>
                    <a:pt x="4690" y="667"/>
                  </a:lnTo>
                  <a:lnTo>
                    <a:pt x="4690" y="794"/>
                  </a:lnTo>
                  <a:lnTo>
                    <a:pt x="4666" y="801"/>
                  </a:lnTo>
                  <a:lnTo>
                    <a:pt x="4641" y="806"/>
                  </a:lnTo>
                  <a:lnTo>
                    <a:pt x="4615" y="811"/>
                  </a:lnTo>
                  <a:lnTo>
                    <a:pt x="4588" y="816"/>
                  </a:lnTo>
                  <a:lnTo>
                    <a:pt x="4560" y="819"/>
                  </a:lnTo>
                  <a:lnTo>
                    <a:pt x="4530" y="822"/>
                  </a:lnTo>
                  <a:lnTo>
                    <a:pt x="4499" y="823"/>
                  </a:lnTo>
                  <a:lnTo>
                    <a:pt x="4464" y="824"/>
                  </a:lnTo>
                  <a:lnTo>
                    <a:pt x="4443" y="824"/>
                  </a:lnTo>
                  <a:lnTo>
                    <a:pt x="4421" y="823"/>
                  </a:lnTo>
                  <a:lnTo>
                    <a:pt x="4401" y="822"/>
                  </a:lnTo>
                  <a:lnTo>
                    <a:pt x="4382" y="820"/>
                  </a:lnTo>
                  <a:lnTo>
                    <a:pt x="4361" y="817"/>
                  </a:lnTo>
                  <a:lnTo>
                    <a:pt x="4342" y="814"/>
                  </a:lnTo>
                  <a:lnTo>
                    <a:pt x="4324" y="811"/>
                  </a:lnTo>
                  <a:lnTo>
                    <a:pt x="4305" y="806"/>
                  </a:lnTo>
                  <a:lnTo>
                    <a:pt x="4287" y="801"/>
                  </a:lnTo>
                  <a:lnTo>
                    <a:pt x="4271" y="796"/>
                  </a:lnTo>
                  <a:lnTo>
                    <a:pt x="4254" y="790"/>
                  </a:lnTo>
                  <a:lnTo>
                    <a:pt x="4237" y="782"/>
                  </a:lnTo>
                  <a:lnTo>
                    <a:pt x="4222" y="775"/>
                  </a:lnTo>
                  <a:lnTo>
                    <a:pt x="4207" y="767"/>
                  </a:lnTo>
                  <a:lnTo>
                    <a:pt x="4192" y="758"/>
                  </a:lnTo>
                  <a:lnTo>
                    <a:pt x="4179" y="749"/>
                  </a:lnTo>
                  <a:lnTo>
                    <a:pt x="4166" y="739"/>
                  </a:lnTo>
                  <a:lnTo>
                    <a:pt x="4154" y="729"/>
                  </a:lnTo>
                  <a:lnTo>
                    <a:pt x="4143" y="716"/>
                  </a:lnTo>
                  <a:lnTo>
                    <a:pt x="4131" y="704"/>
                  </a:lnTo>
                  <a:lnTo>
                    <a:pt x="4121" y="692"/>
                  </a:lnTo>
                  <a:lnTo>
                    <a:pt x="4112" y="678"/>
                  </a:lnTo>
                  <a:lnTo>
                    <a:pt x="4103" y="664"/>
                  </a:lnTo>
                  <a:lnTo>
                    <a:pt x="4096" y="649"/>
                  </a:lnTo>
                  <a:lnTo>
                    <a:pt x="4089" y="633"/>
                  </a:lnTo>
                  <a:lnTo>
                    <a:pt x="4083" y="617"/>
                  </a:lnTo>
                  <a:lnTo>
                    <a:pt x="4077" y="600"/>
                  </a:lnTo>
                  <a:lnTo>
                    <a:pt x="4073" y="581"/>
                  </a:lnTo>
                  <a:lnTo>
                    <a:pt x="4069" y="563"/>
                  </a:lnTo>
                  <a:lnTo>
                    <a:pt x="4067" y="543"/>
                  </a:lnTo>
                  <a:lnTo>
                    <a:pt x="4066" y="522"/>
                  </a:lnTo>
                  <a:lnTo>
                    <a:pt x="4065" y="501"/>
                  </a:lnTo>
                  <a:lnTo>
                    <a:pt x="4066" y="485"/>
                  </a:lnTo>
                  <a:lnTo>
                    <a:pt x="4066" y="470"/>
                  </a:lnTo>
                  <a:lnTo>
                    <a:pt x="4068" y="453"/>
                  </a:lnTo>
                  <a:lnTo>
                    <a:pt x="4070" y="438"/>
                  </a:lnTo>
                  <a:lnTo>
                    <a:pt x="4073" y="422"/>
                  </a:lnTo>
                  <a:lnTo>
                    <a:pt x="4077" y="407"/>
                  </a:lnTo>
                  <a:lnTo>
                    <a:pt x="4082" y="392"/>
                  </a:lnTo>
                  <a:lnTo>
                    <a:pt x="4087" y="377"/>
                  </a:lnTo>
                  <a:lnTo>
                    <a:pt x="4092" y="363"/>
                  </a:lnTo>
                  <a:lnTo>
                    <a:pt x="4098" y="349"/>
                  </a:lnTo>
                  <a:lnTo>
                    <a:pt x="4105" y="335"/>
                  </a:lnTo>
                  <a:lnTo>
                    <a:pt x="4113" y="321"/>
                  </a:lnTo>
                  <a:lnTo>
                    <a:pt x="4121" y="308"/>
                  </a:lnTo>
                  <a:lnTo>
                    <a:pt x="4130" y="295"/>
                  </a:lnTo>
                  <a:lnTo>
                    <a:pt x="4141" y="283"/>
                  </a:lnTo>
                  <a:lnTo>
                    <a:pt x="4151" y="272"/>
                  </a:lnTo>
                  <a:lnTo>
                    <a:pt x="4162" y="260"/>
                  </a:lnTo>
                  <a:lnTo>
                    <a:pt x="4173" y="249"/>
                  </a:lnTo>
                  <a:lnTo>
                    <a:pt x="4186" y="239"/>
                  </a:lnTo>
                  <a:lnTo>
                    <a:pt x="4200" y="230"/>
                  </a:lnTo>
                  <a:lnTo>
                    <a:pt x="4214" y="221"/>
                  </a:lnTo>
                  <a:lnTo>
                    <a:pt x="4228" y="213"/>
                  </a:lnTo>
                  <a:lnTo>
                    <a:pt x="4243" y="205"/>
                  </a:lnTo>
                  <a:lnTo>
                    <a:pt x="4260" y="197"/>
                  </a:lnTo>
                  <a:lnTo>
                    <a:pt x="4277" y="191"/>
                  </a:lnTo>
                  <a:lnTo>
                    <a:pt x="4294" y="186"/>
                  </a:lnTo>
                  <a:lnTo>
                    <a:pt x="4313" y="181"/>
                  </a:lnTo>
                  <a:lnTo>
                    <a:pt x="4332" y="177"/>
                  </a:lnTo>
                  <a:lnTo>
                    <a:pt x="4352" y="174"/>
                  </a:lnTo>
                  <a:lnTo>
                    <a:pt x="4373" y="172"/>
                  </a:lnTo>
                  <a:lnTo>
                    <a:pt x="4394" y="171"/>
                  </a:lnTo>
                  <a:lnTo>
                    <a:pt x="4416" y="170"/>
                  </a:lnTo>
                  <a:lnTo>
                    <a:pt x="4439" y="171"/>
                  </a:lnTo>
                  <a:lnTo>
                    <a:pt x="4459" y="172"/>
                  </a:lnTo>
                  <a:lnTo>
                    <a:pt x="4479" y="173"/>
                  </a:lnTo>
                  <a:lnTo>
                    <a:pt x="4499" y="176"/>
                  </a:lnTo>
                  <a:lnTo>
                    <a:pt x="4517" y="179"/>
                  </a:lnTo>
                  <a:lnTo>
                    <a:pt x="4535" y="182"/>
                  </a:lnTo>
                  <a:lnTo>
                    <a:pt x="4553" y="187"/>
                  </a:lnTo>
                  <a:lnTo>
                    <a:pt x="4569" y="192"/>
                  </a:lnTo>
                  <a:lnTo>
                    <a:pt x="4584" y="197"/>
                  </a:lnTo>
                  <a:lnTo>
                    <a:pt x="4600" y="204"/>
                  </a:lnTo>
                  <a:lnTo>
                    <a:pt x="4613" y="211"/>
                  </a:lnTo>
                  <a:lnTo>
                    <a:pt x="4627" y="218"/>
                  </a:lnTo>
                  <a:lnTo>
                    <a:pt x="4639" y="225"/>
                  </a:lnTo>
                  <a:lnTo>
                    <a:pt x="4651" y="233"/>
                  </a:lnTo>
                  <a:lnTo>
                    <a:pt x="4663" y="242"/>
                  </a:lnTo>
                  <a:lnTo>
                    <a:pt x="4673" y="251"/>
                  </a:lnTo>
                  <a:lnTo>
                    <a:pt x="4683" y="261"/>
                  </a:lnTo>
                  <a:lnTo>
                    <a:pt x="4693" y="272"/>
                  </a:lnTo>
                  <a:lnTo>
                    <a:pt x="4701" y="282"/>
                  </a:lnTo>
                  <a:lnTo>
                    <a:pt x="4709" y="293"/>
                  </a:lnTo>
                  <a:lnTo>
                    <a:pt x="4718" y="304"/>
                  </a:lnTo>
                  <a:lnTo>
                    <a:pt x="4724" y="316"/>
                  </a:lnTo>
                  <a:lnTo>
                    <a:pt x="4731" y="328"/>
                  </a:lnTo>
                  <a:lnTo>
                    <a:pt x="4736" y="341"/>
                  </a:lnTo>
                  <a:lnTo>
                    <a:pt x="4741" y="354"/>
                  </a:lnTo>
                  <a:lnTo>
                    <a:pt x="4746" y="367"/>
                  </a:lnTo>
                  <a:lnTo>
                    <a:pt x="4750" y="380"/>
                  </a:lnTo>
                  <a:lnTo>
                    <a:pt x="4754" y="394"/>
                  </a:lnTo>
                  <a:lnTo>
                    <a:pt x="4757" y="409"/>
                  </a:lnTo>
                  <a:lnTo>
                    <a:pt x="4759" y="423"/>
                  </a:lnTo>
                  <a:lnTo>
                    <a:pt x="4762" y="437"/>
                  </a:lnTo>
                  <a:lnTo>
                    <a:pt x="4763" y="452"/>
                  </a:lnTo>
                  <a:lnTo>
                    <a:pt x="4764" y="476"/>
                  </a:lnTo>
                  <a:lnTo>
                    <a:pt x="4765" y="502"/>
                  </a:lnTo>
                  <a:lnTo>
                    <a:pt x="4764" y="528"/>
                  </a:lnTo>
                  <a:lnTo>
                    <a:pt x="4763" y="549"/>
                  </a:lnTo>
                  <a:lnTo>
                    <a:pt x="4253" y="549"/>
                  </a:lnTo>
                  <a:close/>
                  <a:moveTo>
                    <a:pt x="4582" y="407"/>
                  </a:moveTo>
                  <a:lnTo>
                    <a:pt x="4579" y="394"/>
                  </a:lnTo>
                  <a:lnTo>
                    <a:pt x="4575" y="383"/>
                  </a:lnTo>
                  <a:lnTo>
                    <a:pt x="4571" y="372"/>
                  </a:lnTo>
                  <a:lnTo>
                    <a:pt x="4565" y="361"/>
                  </a:lnTo>
                  <a:lnTo>
                    <a:pt x="4559" y="351"/>
                  </a:lnTo>
                  <a:lnTo>
                    <a:pt x="4552" y="341"/>
                  </a:lnTo>
                  <a:lnTo>
                    <a:pt x="4544" y="333"/>
                  </a:lnTo>
                  <a:lnTo>
                    <a:pt x="4534" y="323"/>
                  </a:lnTo>
                  <a:lnTo>
                    <a:pt x="4525" y="316"/>
                  </a:lnTo>
                  <a:lnTo>
                    <a:pt x="4514" y="309"/>
                  </a:lnTo>
                  <a:lnTo>
                    <a:pt x="4502" y="303"/>
                  </a:lnTo>
                  <a:lnTo>
                    <a:pt x="4490" y="298"/>
                  </a:lnTo>
                  <a:lnTo>
                    <a:pt x="4475" y="294"/>
                  </a:lnTo>
                  <a:lnTo>
                    <a:pt x="4461" y="291"/>
                  </a:lnTo>
                  <a:lnTo>
                    <a:pt x="4445" y="289"/>
                  </a:lnTo>
                  <a:lnTo>
                    <a:pt x="4428" y="289"/>
                  </a:lnTo>
                  <a:lnTo>
                    <a:pt x="4407" y="290"/>
                  </a:lnTo>
                  <a:lnTo>
                    <a:pt x="4389" y="292"/>
                  </a:lnTo>
                  <a:lnTo>
                    <a:pt x="4372" y="296"/>
                  </a:lnTo>
                  <a:lnTo>
                    <a:pt x="4355" y="301"/>
                  </a:lnTo>
                  <a:lnTo>
                    <a:pt x="4340" y="307"/>
                  </a:lnTo>
                  <a:lnTo>
                    <a:pt x="4326" y="314"/>
                  </a:lnTo>
                  <a:lnTo>
                    <a:pt x="4314" y="323"/>
                  </a:lnTo>
                  <a:lnTo>
                    <a:pt x="4302" y="333"/>
                  </a:lnTo>
                  <a:lnTo>
                    <a:pt x="4292" y="344"/>
                  </a:lnTo>
                  <a:lnTo>
                    <a:pt x="4283" y="355"/>
                  </a:lnTo>
                  <a:lnTo>
                    <a:pt x="4275" y="367"/>
                  </a:lnTo>
                  <a:lnTo>
                    <a:pt x="4268" y="380"/>
                  </a:lnTo>
                  <a:lnTo>
                    <a:pt x="4263" y="393"/>
                  </a:lnTo>
                  <a:lnTo>
                    <a:pt x="4259" y="408"/>
                  </a:lnTo>
                  <a:lnTo>
                    <a:pt x="4255" y="422"/>
                  </a:lnTo>
                  <a:lnTo>
                    <a:pt x="4253" y="437"/>
                  </a:lnTo>
                  <a:lnTo>
                    <a:pt x="4584" y="437"/>
                  </a:lnTo>
                  <a:lnTo>
                    <a:pt x="4584" y="430"/>
                  </a:lnTo>
                  <a:lnTo>
                    <a:pt x="4584" y="423"/>
                  </a:lnTo>
                  <a:lnTo>
                    <a:pt x="4584" y="415"/>
                  </a:lnTo>
                  <a:lnTo>
                    <a:pt x="4582" y="407"/>
                  </a:lnTo>
                  <a:close/>
                  <a:moveTo>
                    <a:pt x="3669" y="824"/>
                  </a:moveTo>
                  <a:lnTo>
                    <a:pt x="3641" y="824"/>
                  </a:lnTo>
                  <a:lnTo>
                    <a:pt x="3612" y="823"/>
                  </a:lnTo>
                  <a:lnTo>
                    <a:pt x="3584" y="821"/>
                  </a:lnTo>
                  <a:lnTo>
                    <a:pt x="3553" y="819"/>
                  </a:lnTo>
                  <a:lnTo>
                    <a:pt x="3521" y="815"/>
                  </a:lnTo>
                  <a:lnTo>
                    <a:pt x="3488" y="810"/>
                  </a:lnTo>
                  <a:lnTo>
                    <a:pt x="3453" y="803"/>
                  </a:lnTo>
                  <a:lnTo>
                    <a:pt x="3415" y="794"/>
                  </a:lnTo>
                  <a:lnTo>
                    <a:pt x="3415" y="661"/>
                  </a:lnTo>
                  <a:lnTo>
                    <a:pt x="3439" y="670"/>
                  </a:lnTo>
                  <a:lnTo>
                    <a:pt x="3467" y="679"/>
                  </a:lnTo>
                  <a:lnTo>
                    <a:pt x="3496" y="686"/>
                  </a:lnTo>
                  <a:lnTo>
                    <a:pt x="3527" y="693"/>
                  </a:lnTo>
                  <a:lnTo>
                    <a:pt x="3556" y="698"/>
                  </a:lnTo>
                  <a:lnTo>
                    <a:pt x="3587" y="702"/>
                  </a:lnTo>
                  <a:lnTo>
                    <a:pt x="3615" y="705"/>
                  </a:lnTo>
                  <a:lnTo>
                    <a:pt x="3643" y="706"/>
                  </a:lnTo>
                  <a:lnTo>
                    <a:pt x="3662" y="705"/>
                  </a:lnTo>
                  <a:lnTo>
                    <a:pt x="3681" y="704"/>
                  </a:lnTo>
                  <a:lnTo>
                    <a:pt x="3697" y="703"/>
                  </a:lnTo>
                  <a:lnTo>
                    <a:pt x="3712" y="701"/>
                  </a:lnTo>
                  <a:lnTo>
                    <a:pt x="3726" y="699"/>
                  </a:lnTo>
                  <a:lnTo>
                    <a:pt x="3739" y="696"/>
                  </a:lnTo>
                  <a:lnTo>
                    <a:pt x="3750" y="692"/>
                  </a:lnTo>
                  <a:lnTo>
                    <a:pt x="3760" y="688"/>
                  </a:lnTo>
                  <a:lnTo>
                    <a:pt x="3768" y="684"/>
                  </a:lnTo>
                  <a:lnTo>
                    <a:pt x="3775" y="679"/>
                  </a:lnTo>
                  <a:lnTo>
                    <a:pt x="3781" y="673"/>
                  </a:lnTo>
                  <a:lnTo>
                    <a:pt x="3786" y="667"/>
                  </a:lnTo>
                  <a:lnTo>
                    <a:pt x="3790" y="661"/>
                  </a:lnTo>
                  <a:lnTo>
                    <a:pt x="3793" y="652"/>
                  </a:lnTo>
                  <a:lnTo>
                    <a:pt x="3794" y="645"/>
                  </a:lnTo>
                  <a:lnTo>
                    <a:pt x="3794" y="637"/>
                  </a:lnTo>
                  <a:lnTo>
                    <a:pt x="3793" y="629"/>
                  </a:lnTo>
                  <a:lnTo>
                    <a:pt x="3791" y="622"/>
                  </a:lnTo>
                  <a:lnTo>
                    <a:pt x="3787" y="616"/>
                  </a:lnTo>
                  <a:lnTo>
                    <a:pt x="3783" y="610"/>
                  </a:lnTo>
                  <a:lnTo>
                    <a:pt x="3778" y="605"/>
                  </a:lnTo>
                  <a:lnTo>
                    <a:pt x="3771" y="600"/>
                  </a:lnTo>
                  <a:lnTo>
                    <a:pt x="3763" y="596"/>
                  </a:lnTo>
                  <a:lnTo>
                    <a:pt x="3754" y="592"/>
                  </a:lnTo>
                  <a:lnTo>
                    <a:pt x="3730" y="582"/>
                  </a:lnTo>
                  <a:lnTo>
                    <a:pt x="3702" y="574"/>
                  </a:lnTo>
                  <a:lnTo>
                    <a:pt x="3666" y="564"/>
                  </a:lnTo>
                  <a:lnTo>
                    <a:pt x="3624" y="553"/>
                  </a:lnTo>
                  <a:lnTo>
                    <a:pt x="3602" y="548"/>
                  </a:lnTo>
                  <a:lnTo>
                    <a:pt x="3581" y="542"/>
                  </a:lnTo>
                  <a:lnTo>
                    <a:pt x="3561" y="535"/>
                  </a:lnTo>
                  <a:lnTo>
                    <a:pt x="3540" y="528"/>
                  </a:lnTo>
                  <a:lnTo>
                    <a:pt x="3522" y="520"/>
                  </a:lnTo>
                  <a:lnTo>
                    <a:pt x="3504" y="511"/>
                  </a:lnTo>
                  <a:lnTo>
                    <a:pt x="3487" y="502"/>
                  </a:lnTo>
                  <a:lnTo>
                    <a:pt x="3471" y="492"/>
                  </a:lnTo>
                  <a:lnTo>
                    <a:pt x="3457" y="481"/>
                  </a:lnTo>
                  <a:lnTo>
                    <a:pt x="3445" y="469"/>
                  </a:lnTo>
                  <a:lnTo>
                    <a:pt x="3438" y="462"/>
                  </a:lnTo>
                  <a:lnTo>
                    <a:pt x="3433" y="454"/>
                  </a:lnTo>
                  <a:lnTo>
                    <a:pt x="3428" y="447"/>
                  </a:lnTo>
                  <a:lnTo>
                    <a:pt x="3423" y="439"/>
                  </a:lnTo>
                  <a:lnTo>
                    <a:pt x="3420" y="431"/>
                  </a:lnTo>
                  <a:lnTo>
                    <a:pt x="3416" y="422"/>
                  </a:lnTo>
                  <a:lnTo>
                    <a:pt x="3413" y="414"/>
                  </a:lnTo>
                  <a:lnTo>
                    <a:pt x="3411" y="404"/>
                  </a:lnTo>
                  <a:lnTo>
                    <a:pt x="3409" y="394"/>
                  </a:lnTo>
                  <a:lnTo>
                    <a:pt x="3407" y="383"/>
                  </a:lnTo>
                  <a:lnTo>
                    <a:pt x="3406" y="373"/>
                  </a:lnTo>
                  <a:lnTo>
                    <a:pt x="3406" y="362"/>
                  </a:lnTo>
                  <a:lnTo>
                    <a:pt x="3407" y="349"/>
                  </a:lnTo>
                  <a:lnTo>
                    <a:pt x="3408" y="336"/>
                  </a:lnTo>
                  <a:lnTo>
                    <a:pt x="3410" y="323"/>
                  </a:lnTo>
                  <a:lnTo>
                    <a:pt x="3413" y="312"/>
                  </a:lnTo>
                  <a:lnTo>
                    <a:pt x="3417" y="301"/>
                  </a:lnTo>
                  <a:lnTo>
                    <a:pt x="3421" y="291"/>
                  </a:lnTo>
                  <a:lnTo>
                    <a:pt x="3426" y="281"/>
                  </a:lnTo>
                  <a:lnTo>
                    <a:pt x="3432" y="271"/>
                  </a:lnTo>
                  <a:lnTo>
                    <a:pt x="3438" y="262"/>
                  </a:lnTo>
                  <a:lnTo>
                    <a:pt x="3447" y="253"/>
                  </a:lnTo>
                  <a:lnTo>
                    <a:pt x="3454" y="245"/>
                  </a:lnTo>
                  <a:lnTo>
                    <a:pt x="3463" y="238"/>
                  </a:lnTo>
                  <a:lnTo>
                    <a:pt x="3471" y="231"/>
                  </a:lnTo>
                  <a:lnTo>
                    <a:pt x="3481" y="224"/>
                  </a:lnTo>
                  <a:lnTo>
                    <a:pt x="3491" y="218"/>
                  </a:lnTo>
                  <a:lnTo>
                    <a:pt x="3502" y="212"/>
                  </a:lnTo>
                  <a:lnTo>
                    <a:pt x="3513" y="207"/>
                  </a:lnTo>
                  <a:lnTo>
                    <a:pt x="3524" y="202"/>
                  </a:lnTo>
                  <a:lnTo>
                    <a:pt x="3536" y="197"/>
                  </a:lnTo>
                  <a:lnTo>
                    <a:pt x="3548" y="192"/>
                  </a:lnTo>
                  <a:lnTo>
                    <a:pt x="3573" y="185"/>
                  </a:lnTo>
                  <a:lnTo>
                    <a:pt x="3599" y="180"/>
                  </a:lnTo>
                  <a:lnTo>
                    <a:pt x="3627" y="176"/>
                  </a:lnTo>
                  <a:lnTo>
                    <a:pt x="3655" y="173"/>
                  </a:lnTo>
                  <a:lnTo>
                    <a:pt x="3684" y="171"/>
                  </a:lnTo>
                  <a:lnTo>
                    <a:pt x="3712" y="170"/>
                  </a:lnTo>
                  <a:lnTo>
                    <a:pt x="3754" y="171"/>
                  </a:lnTo>
                  <a:lnTo>
                    <a:pt x="3794" y="173"/>
                  </a:lnTo>
                  <a:lnTo>
                    <a:pt x="3831" y="177"/>
                  </a:lnTo>
                  <a:lnTo>
                    <a:pt x="3867" y="181"/>
                  </a:lnTo>
                  <a:lnTo>
                    <a:pt x="3900" y="187"/>
                  </a:lnTo>
                  <a:lnTo>
                    <a:pt x="3933" y="194"/>
                  </a:lnTo>
                  <a:lnTo>
                    <a:pt x="3963" y="202"/>
                  </a:lnTo>
                  <a:lnTo>
                    <a:pt x="3990" y="209"/>
                  </a:lnTo>
                  <a:lnTo>
                    <a:pt x="3915" y="314"/>
                  </a:lnTo>
                  <a:lnTo>
                    <a:pt x="3897" y="309"/>
                  </a:lnTo>
                  <a:lnTo>
                    <a:pt x="3879" y="304"/>
                  </a:lnTo>
                  <a:lnTo>
                    <a:pt x="3859" y="299"/>
                  </a:lnTo>
                  <a:lnTo>
                    <a:pt x="3837" y="295"/>
                  </a:lnTo>
                  <a:lnTo>
                    <a:pt x="3815" y="291"/>
                  </a:lnTo>
                  <a:lnTo>
                    <a:pt x="3793" y="287"/>
                  </a:lnTo>
                  <a:lnTo>
                    <a:pt x="3768" y="285"/>
                  </a:lnTo>
                  <a:lnTo>
                    <a:pt x="3745" y="285"/>
                  </a:lnTo>
                  <a:lnTo>
                    <a:pt x="3713" y="285"/>
                  </a:lnTo>
                  <a:lnTo>
                    <a:pt x="3686" y="288"/>
                  </a:lnTo>
                  <a:lnTo>
                    <a:pt x="3673" y="290"/>
                  </a:lnTo>
                  <a:lnTo>
                    <a:pt x="3662" y="292"/>
                  </a:lnTo>
                  <a:lnTo>
                    <a:pt x="3651" y="295"/>
                  </a:lnTo>
                  <a:lnTo>
                    <a:pt x="3642" y="299"/>
                  </a:lnTo>
                  <a:lnTo>
                    <a:pt x="3634" y="303"/>
                  </a:lnTo>
                  <a:lnTo>
                    <a:pt x="3626" y="307"/>
                  </a:lnTo>
                  <a:lnTo>
                    <a:pt x="3620" y="312"/>
                  </a:lnTo>
                  <a:lnTo>
                    <a:pt x="3614" y="318"/>
                  </a:lnTo>
                  <a:lnTo>
                    <a:pt x="3609" y="324"/>
                  </a:lnTo>
                  <a:lnTo>
                    <a:pt x="3606" y="332"/>
                  </a:lnTo>
                  <a:lnTo>
                    <a:pt x="3605" y="339"/>
                  </a:lnTo>
                  <a:lnTo>
                    <a:pt x="3604" y="347"/>
                  </a:lnTo>
                  <a:lnTo>
                    <a:pt x="3605" y="355"/>
                  </a:lnTo>
                  <a:lnTo>
                    <a:pt x="3607" y="361"/>
                  </a:lnTo>
                  <a:lnTo>
                    <a:pt x="3610" y="368"/>
                  </a:lnTo>
                  <a:lnTo>
                    <a:pt x="3615" y="373"/>
                  </a:lnTo>
                  <a:lnTo>
                    <a:pt x="3621" y="379"/>
                  </a:lnTo>
                  <a:lnTo>
                    <a:pt x="3628" y="383"/>
                  </a:lnTo>
                  <a:lnTo>
                    <a:pt x="3637" y="388"/>
                  </a:lnTo>
                  <a:lnTo>
                    <a:pt x="3646" y="392"/>
                  </a:lnTo>
                  <a:lnTo>
                    <a:pt x="3669" y="401"/>
                  </a:lnTo>
                  <a:lnTo>
                    <a:pt x="3697" y="408"/>
                  </a:lnTo>
                  <a:lnTo>
                    <a:pt x="3729" y="416"/>
                  </a:lnTo>
                  <a:lnTo>
                    <a:pt x="3766" y="424"/>
                  </a:lnTo>
                  <a:lnTo>
                    <a:pt x="3792" y="430"/>
                  </a:lnTo>
                  <a:lnTo>
                    <a:pt x="3817" y="437"/>
                  </a:lnTo>
                  <a:lnTo>
                    <a:pt x="3840" y="444"/>
                  </a:lnTo>
                  <a:lnTo>
                    <a:pt x="3862" y="452"/>
                  </a:lnTo>
                  <a:lnTo>
                    <a:pt x="3882" y="461"/>
                  </a:lnTo>
                  <a:lnTo>
                    <a:pt x="3901" y="470"/>
                  </a:lnTo>
                  <a:lnTo>
                    <a:pt x="3919" y="480"/>
                  </a:lnTo>
                  <a:lnTo>
                    <a:pt x="3935" y="491"/>
                  </a:lnTo>
                  <a:lnTo>
                    <a:pt x="3948" y="503"/>
                  </a:lnTo>
                  <a:lnTo>
                    <a:pt x="3961" y="517"/>
                  </a:lnTo>
                  <a:lnTo>
                    <a:pt x="3967" y="524"/>
                  </a:lnTo>
                  <a:lnTo>
                    <a:pt x="3972" y="532"/>
                  </a:lnTo>
                  <a:lnTo>
                    <a:pt x="3976" y="540"/>
                  </a:lnTo>
                  <a:lnTo>
                    <a:pt x="3981" y="548"/>
                  </a:lnTo>
                  <a:lnTo>
                    <a:pt x="3984" y="556"/>
                  </a:lnTo>
                  <a:lnTo>
                    <a:pt x="3987" y="565"/>
                  </a:lnTo>
                  <a:lnTo>
                    <a:pt x="3990" y="574"/>
                  </a:lnTo>
                  <a:lnTo>
                    <a:pt x="3992" y="583"/>
                  </a:lnTo>
                  <a:lnTo>
                    <a:pt x="3994" y="594"/>
                  </a:lnTo>
                  <a:lnTo>
                    <a:pt x="3995" y="604"/>
                  </a:lnTo>
                  <a:lnTo>
                    <a:pt x="3996" y="615"/>
                  </a:lnTo>
                  <a:lnTo>
                    <a:pt x="3996" y="626"/>
                  </a:lnTo>
                  <a:lnTo>
                    <a:pt x="3996" y="640"/>
                  </a:lnTo>
                  <a:lnTo>
                    <a:pt x="3995" y="652"/>
                  </a:lnTo>
                  <a:lnTo>
                    <a:pt x="3992" y="666"/>
                  </a:lnTo>
                  <a:lnTo>
                    <a:pt x="3989" y="677"/>
                  </a:lnTo>
                  <a:lnTo>
                    <a:pt x="3986" y="689"/>
                  </a:lnTo>
                  <a:lnTo>
                    <a:pt x="3981" y="699"/>
                  </a:lnTo>
                  <a:lnTo>
                    <a:pt x="3976" y="710"/>
                  </a:lnTo>
                  <a:lnTo>
                    <a:pt x="3970" y="719"/>
                  </a:lnTo>
                  <a:lnTo>
                    <a:pt x="3963" y="729"/>
                  </a:lnTo>
                  <a:lnTo>
                    <a:pt x="3955" y="738"/>
                  </a:lnTo>
                  <a:lnTo>
                    <a:pt x="3947" y="746"/>
                  </a:lnTo>
                  <a:lnTo>
                    <a:pt x="3938" y="754"/>
                  </a:lnTo>
                  <a:lnTo>
                    <a:pt x="3929" y="761"/>
                  </a:lnTo>
                  <a:lnTo>
                    <a:pt x="3919" y="768"/>
                  </a:lnTo>
                  <a:lnTo>
                    <a:pt x="3909" y="775"/>
                  </a:lnTo>
                  <a:lnTo>
                    <a:pt x="3897" y="780"/>
                  </a:lnTo>
                  <a:lnTo>
                    <a:pt x="3886" y="786"/>
                  </a:lnTo>
                  <a:lnTo>
                    <a:pt x="3874" y="792"/>
                  </a:lnTo>
                  <a:lnTo>
                    <a:pt x="3861" y="797"/>
                  </a:lnTo>
                  <a:lnTo>
                    <a:pt x="3849" y="801"/>
                  </a:lnTo>
                  <a:lnTo>
                    <a:pt x="3821" y="808"/>
                  </a:lnTo>
                  <a:lnTo>
                    <a:pt x="3793" y="814"/>
                  </a:lnTo>
                  <a:lnTo>
                    <a:pt x="3763" y="819"/>
                  </a:lnTo>
                  <a:lnTo>
                    <a:pt x="3733" y="822"/>
                  </a:lnTo>
                  <a:lnTo>
                    <a:pt x="3701" y="823"/>
                  </a:lnTo>
                  <a:lnTo>
                    <a:pt x="3669" y="824"/>
                  </a:lnTo>
                  <a:close/>
                  <a:moveTo>
                    <a:pt x="2999" y="824"/>
                  </a:moveTo>
                  <a:lnTo>
                    <a:pt x="2971" y="824"/>
                  </a:lnTo>
                  <a:lnTo>
                    <a:pt x="2943" y="823"/>
                  </a:lnTo>
                  <a:lnTo>
                    <a:pt x="2913" y="821"/>
                  </a:lnTo>
                  <a:lnTo>
                    <a:pt x="2883" y="819"/>
                  </a:lnTo>
                  <a:lnTo>
                    <a:pt x="2851" y="815"/>
                  </a:lnTo>
                  <a:lnTo>
                    <a:pt x="2818" y="810"/>
                  </a:lnTo>
                  <a:lnTo>
                    <a:pt x="2782" y="803"/>
                  </a:lnTo>
                  <a:lnTo>
                    <a:pt x="2744" y="794"/>
                  </a:lnTo>
                  <a:lnTo>
                    <a:pt x="2744" y="661"/>
                  </a:lnTo>
                  <a:lnTo>
                    <a:pt x="2770" y="670"/>
                  </a:lnTo>
                  <a:lnTo>
                    <a:pt x="2797" y="679"/>
                  </a:lnTo>
                  <a:lnTo>
                    <a:pt x="2826" y="686"/>
                  </a:lnTo>
                  <a:lnTo>
                    <a:pt x="2856" y="693"/>
                  </a:lnTo>
                  <a:lnTo>
                    <a:pt x="2887" y="698"/>
                  </a:lnTo>
                  <a:lnTo>
                    <a:pt x="2917" y="702"/>
                  </a:lnTo>
                  <a:lnTo>
                    <a:pt x="2946" y="705"/>
                  </a:lnTo>
                  <a:lnTo>
                    <a:pt x="2973" y="706"/>
                  </a:lnTo>
                  <a:lnTo>
                    <a:pt x="2993" y="705"/>
                  </a:lnTo>
                  <a:lnTo>
                    <a:pt x="3011" y="704"/>
                  </a:lnTo>
                  <a:lnTo>
                    <a:pt x="3027" y="703"/>
                  </a:lnTo>
                  <a:lnTo>
                    <a:pt x="3043" y="701"/>
                  </a:lnTo>
                  <a:lnTo>
                    <a:pt x="3056" y="699"/>
                  </a:lnTo>
                  <a:lnTo>
                    <a:pt x="3069" y="696"/>
                  </a:lnTo>
                  <a:lnTo>
                    <a:pt x="3080" y="692"/>
                  </a:lnTo>
                  <a:lnTo>
                    <a:pt x="3089" y="688"/>
                  </a:lnTo>
                  <a:lnTo>
                    <a:pt x="3099" y="684"/>
                  </a:lnTo>
                  <a:lnTo>
                    <a:pt x="3106" y="679"/>
                  </a:lnTo>
                  <a:lnTo>
                    <a:pt x="3112" y="673"/>
                  </a:lnTo>
                  <a:lnTo>
                    <a:pt x="3117" y="667"/>
                  </a:lnTo>
                  <a:lnTo>
                    <a:pt x="3120" y="661"/>
                  </a:lnTo>
                  <a:lnTo>
                    <a:pt x="3123" y="652"/>
                  </a:lnTo>
                  <a:lnTo>
                    <a:pt x="3124" y="645"/>
                  </a:lnTo>
                  <a:lnTo>
                    <a:pt x="3124" y="637"/>
                  </a:lnTo>
                  <a:lnTo>
                    <a:pt x="3123" y="629"/>
                  </a:lnTo>
                  <a:lnTo>
                    <a:pt x="3121" y="622"/>
                  </a:lnTo>
                  <a:lnTo>
                    <a:pt x="3118" y="616"/>
                  </a:lnTo>
                  <a:lnTo>
                    <a:pt x="3114" y="610"/>
                  </a:lnTo>
                  <a:lnTo>
                    <a:pt x="3109" y="605"/>
                  </a:lnTo>
                  <a:lnTo>
                    <a:pt x="3102" y="600"/>
                  </a:lnTo>
                  <a:lnTo>
                    <a:pt x="3093" y="596"/>
                  </a:lnTo>
                  <a:lnTo>
                    <a:pt x="3084" y="592"/>
                  </a:lnTo>
                  <a:lnTo>
                    <a:pt x="3061" y="582"/>
                  </a:lnTo>
                  <a:lnTo>
                    <a:pt x="3031" y="574"/>
                  </a:lnTo>
                  <a:lnTo>
                    <a:pt x="2996" y="564"/>
                  </a:lnTo>
                  <a:lnTo>
                    <a:pt x="2954" y="553"/>
                  </a:lnTo>
                  <a:lnTo>
                    <a:pt x="2932" y="548"/>
                  </a:lnTo>
                  <a:lnTo>
                    <a:pt x="2911" y="542"/>
                  </a:lnTo>
                  <a:lnTo>
                    <a:pt x="2890" y="535"/>
                  </a:lnTo>
                  <a:lnTo>
                    <a:pt x="2871" y="528"/>
                  </a:lnTo>
                  <a:lnTo>
                    <a:pt x="2851" y="520"/>
                  </a:lnTo>
                  <a:lnTo>
                    <a:pt x="2834" y="511"/>
                  </a:lnTo>
                  <a:lnTo>
                    <a:pt x="2817" y="502"/>
                  </a:lnTo>
                  <a:lnTo>
                    <a:pt x="2801" y="492"/>
                  </a:lnTo>
                  <a:lnTo>
                    <a:pt x="2787" y="481"/>
                  </a:lnTo>
                  <a:lnTo>
                    <a:pt x="2774" y="469"/>
                  </a:lnTo>
                  <a:lnTo>
                    <a:pt x="2769" y="462"/>
                  </a:lnTo>
                  <a:lnTo>
                    <a:pt x="2763" y="454"/>
                  </a:lnTo>
                  <a:lnTo>
                    <a:pt x="2759" y="447"/>
                  </a:lnTo>
                  <a:lnTo>
                    <a:pt x="2754" y="439"/>
                  </a:lnTo>
                  <a:lnTo>
                    <a:pt x="2749" y="431"/>
                  </a:lnTo>
                  <a:lnTo>
                    <a:pt x="2746" y="422"/>
                  </a:lnTo>
                  <a:lnTo>
                    <a:pt x="2743" y="414"/>
                  </a:lnTo>
                  <a:lnTo>
                    <a:pt x="2740" y="404"/>
                  </a:lnTo>
                  <a:lnTo>
                    <a:pt x="2739" y="394"/>
                  </a:lnTo>
                  <a:lnTo>
                    <a:pt x="2737" y="383"/>
                  </a:lnTo>
                  <a:lnTo>
                    <a:pt x="2736" y="373"/>
                  </a:lnTo>
                  <a:lnTo>
                    <a:pt x="2736" y="362"/>
                  </a:lnTo>
                  <a:lnTo>
                    <a:pt x="2736" y="349"/>
                  </a:lnTo>
                  <a:lnTo>
                    <a:pt x="2738" y="336"/>
                  </a:lnTo>
                  <a:lnTo>
                    <a:pt x="2740" y="323"/>
                  </a:lnTo>
                  <a:lnTo>
                    <a:pt x="2743" y="312"/>
                  </a:lnTo>
                  <a:lnTo>
                    <a:pt x="2746" y="301"/>
                  </a:lnTo>
                  <a:lnTo>
                    <a:pt x="2752" y="291"/>
                  </a:lnTo>
                  <a:lnTo>
                    <a:pt x="2757" y="281"/>
                  </a:lnTo>
                  <a:lnTo>
                    <a:pt x="2763" y="271"/>
                  </a:lnTo>
                  <a:lnTo>
                    <a:pt x="2769" y="262"/>
                  </a:lnTo>
                  <a:lnTo>
                    <a:pt x="2776" y="253"/>
                  </a:lnTo>
                  <a:lnTo>
                    <a:pt x="2784" y="245"/>
                  </a:lnTo>
                  <a:lnTo>
                    <a:pt x="2792" y="238"/>
                  </a:lnTo>
                  <a:lnTo>
                    <a:pt x="2801" y="231"/>
                  </a:lnTo>
                  <a:lnTo>
                    <a:pt x="2812" y="224"/>
                  </a:lnTo>
                  <a:lnTo>
                    <a:pt x="2822" y="218"/>
                  </a:lnTo>
                  <a:lnTo>
                    <a:pt x="2832" y="212"/>
                  </a:lnTo>
                  <a:lnTo>
                    <a:pt x="2843" y="207"/>
                  </a:lnTo>
                  <a:lnTo>
                    <a:pt x="2854" y="202"/>
                  </a:lnTo>
                  <a:lnTo>
                    <a:pt x="2866" y="197"/>
                  </a:lnTo>
                  <a:lnTo>
                    <a:pt x="2878" y="192"/>
                  </a:lnTo>
                  <a:lnTo>
                    <a:pt x="2903" y="185"/>
                  </a:lnTo>
                  <a:lnTo>
                    <a:pt x="2930" y="180"/>
                  </a:lnTo>
                  <a:lnTo>
                    <a:pt x="2957" y="176"/>
                  </a:lnTo>
                  <a:lnTo>
                    <a:pt x="2985" y="173"/>
                  </a:lnTo>
                  <a:lnTo>
                    <a:pt x="3013" y="171"/>
                  </a:lnTo>
                  <a:lnTo>
                    <a:pt x="3043" y="170"/>
                  </a:lnTo>
                  <a:lnTo>
                    <a:pt x="3084" y="171"/>
                  </a:lnTo>
                  <a:lnTo>
                    <a:pt x="3124" y="173"/>
                  </a:lnTo>
                  <a:lnTo>
                    <a:pt x="3162" y="177"/>
                  </a:lnTo>
                  <a:lnTo>
                    <a:pt x="3197" y="181"/>
                  </a:lnTo>
                  <a:lnTo>
                    <a:pt x="3231" y="187"/>
                  </a:lnTo>
                  <a:lnTo>
                    <a:pt x="3262" y="194"/>
                  </a:lnTo>
                  <a:lnTo>
                    <a:pt x="3292" y="202"/>
                  </a:lnTo>
                  <a:lnTo>
                    <a:pt x="3320" y="209"/>
                  </a:lnTo>
                  <a:lnTo>
                    <a:pt x="3245" y="314"/>
                  </a:lnTo>
                  <a:lnTo>
                    <a:pt x="3228" y="309"/>
                  </a:lnTo>
                  <a:lnTo>
                    <a:pt x="3208" y="304"/>
                  </a:lnTo>
                  <a:lnTo>
                    <a:pt x="3189" y="299"/>
                  </a:lnTo>
                  <a:lnTo>
                    <a:pt x="3168" y="295"/>
                  </a:lnTo>
                  <a:lnTo>
                    <a:pt x="3145" y="291"/>
                  </a:lnTo>
                  <a:lnTo>
                    <a:pt x="3122" y="287"/>
                  </a:lnTo>
                  <a:lnTo>
                    <a:pt x="3099" y="285"/>
                  </a:lnTo>
                  <a:lnTo>
                    <a:pt x="3074" y="285"/>
                  </a:lnTo>
                  <a:lnTo>
                    <a:pt x="3044" y="285"/>
                  </a:lnTo>
                  <a:lnTo>
                    <a:pt x="3016" y="288"/>
                  </a:lnTo>
                  <a:lnTo>
                    <a:pt x="3004" y="290"/>
                  </a:lnTo>
                  <a:lnTo>
                    <a:pt x="2993" y="292"/>
                  </a:lnTo>
                  <a:lnTo>
                    <a:pt x="2982" y="295"/>
                  </a:lnTo>
                  <a:lnTo>
                    <a:pt x="2972" y="299"/>
                  </a:lnTo>
                  <a:lnTo>
                    <a:pt x="2963" y="303"/>
                  </a:lnTo>
                  <a:lnTo>
                    <a:pt x="2956" y="307"/>
                  </a:lnTo>
                  <a:lnTo>
                    <a:pt x="2949" y="312"/>
                  </a:lnTo>
                  <a:lnTo>
                    <a:pt x="2944" y="318"/>
                  </a:lnTo>
                  <a:lnTo>
                    <a:pt x="2940" y="324"/>
                  </a:lnTo>
                  <a:lnTo>
                    <a:pt x="2937" y="332"/>
                  </a:lnTo>
                  <a:lnTo>
                    <a:pt x="2935" y="339"/>
                  </a:lnTo>
                  <a:lnTo>
                    <a:pt x="2935" y="347"/>
                  </a:lnTo>
                  <a:lnTo>
                    <a:pt x="2935" y="355"/>
                  </a:lnTo>
                  <a:lnTo>
                    <a:pt x="2937" y="361"/>
                  </a:lnTo>
                  <a:lnTo>
                    <a:pt x="2941" y="368"/>
                  </a:lnTo>
                  <a:lnTo>
                    <a:pt x="2945" y="373"/>
                  </a:lnTo>
                  <a:lnTo>
                    <a:pt x="2951" y="379"/>
                  </a:lnTo>
                  <a:lnTo>
                    <a:pt x="2958" y="383"/>
                  </a:lnTo>
                  <a:lnTo>
                    <a:pt x="2966" y="388"/>
                  </a:lnTo>
                  <a:lnTo>
                    <a:pt x="2976" y="392"/>
                  </a:lnTo>
                  <a:lnTo>
                    <a:pt x="3000" y="401"/>
                  </a:lnTo>
                  <a:lnTo>
                    <a:pt x="3027" y="408"/>
                  </a:lnTo>
                  <a:lnTo>
                    <a:pt x="3059" y="416"/>
                  </a:lnTo>
                  <a:lnTo>
                    <a:pt x="3095" y="424"/>
                  </a:lnTo>
                  <a:lnTo>
                    <a:pt x="3122" y="430"/>
                  </a:lnTo>
                  <a:lnTo>
                    <a:pt x="3146" y="437"/>
                  </a:lnTo>
                  <a:lnTo>
                    <a:pt x="3170" y="444"/>
                  </a:lnTo>
                  <a:lnTo>
                    <a:pt x="3192" y="452"/>
                  </a:lnTo>
                  <a:lnTo>
                    <a:pt x="3213" y="461"/>
                  </a:lnTo>
                  <a:lnTo>
                    <a:pt x="3232" y="470"/>
                  </a:lnTo>
                  <a:lnTo>
                    <a:pt x="3249" y="480"/>
                  </a:lnTo>
                  <a:lnTo>
                    <a:pt x="3264" y="491"/>
                  </a:lnTo>
                  <a:lnTo>
                    <a:pt x="3279" y="503"/>
                  </a:lnTo>
                  <a:lnTo>
                    <a:pt x="3291" y="517"/>
                  </a:lnTo>
                  <a:lnTo>
                    <a:pt x="3297" y="524"/>
                  </a:lnTo>
                  <a:lnTo>
                    <a:pt x="3302" y="532"/>
                  </a:lnTo>
                  <a:lnTo>
                    <a:pt x="3306" y="540"/>
                  </a:lnTo>
                  <a:lnTo>
                    <a:pt x="3310" y="548"/>
                  </a:lnTo>
                  <a:lnTo>
                    <a:pt x="3314" y="556"/>
                  </a:lnTo>
                  <a:lnTo>
                    <a:pt x="3317" y="565"/>
                  </a:lnTo>
                  <a:lnTo>
                    <a:pt x="3320" y="574"/>
                  </a:lnTo>
                  <a:lnTo>
                    <a:pt x="3322" y="583"/>
                  </a:lnTo>
                  <a:lnTo>
                    <a:pt x="3324" y="594"/>
                  </a:lnTo>
                  <a:lnTo>
                    <a:pt x="3325" y="604"/>
                  </a:lnTo>
                  <a:lnTo>
                    <a:pt x="3326" y="615"/>
                  </a:lnTo>
                  <a:lnTo>
                    <a:pt x="3326" y="626"/>
                  </a:lnTo>
                  <a:lnTo>
                    <a:pt x="3326" y="640"/>
                  </a:lnTo>
                  <a:lnTo>
                    <a:pt x="3324" y="652"/>
                  </a:lnTo>
                  <a:lnTo>
                    <a:pt x="3322" y="666"/>
                  </a:lnTo>
                  <a:lnTo>
                    <a:pt x="3319" y="677"/>
                  </a:lnTo>
                  <a:lnTo>
                    <a:pt x="3315" y="689"/>
                  </a:lnTo>
                  <a:lnTo>
                    <a:pt x="3311" y="699"/>
                  </a:lnTo>
                  <a:lnTo>
                    <a:pt x="3306" y="710"/>
                  </a:lnTo>
                  <a:lnTo>
                    <a:pt x="3300" y="719"/>
                  </a:lnTo>
                  <a:lnTo>
                    <a:pt x="3293" y="729"/>
                  </a:lnTo>
                  <a:lnTo>
                    <a:pt x="3285" y="738"/>
                  </a:lnTo>
                  <a:lnTo>
                    <a:pt x="3277" y="746"/>
                  </a:lnTo>
                  <a:lnTo>
                    <a:pt x="3268" y="754"/>
                  </a:lnTo>
                  <a:lnTo>
                    <a:pt x="3259" y="761"/>
                  </a:lnTo>
                  <a:lnTo>
                    <a:pt x="3249" y="768"/>
                  </a:lnTo>
                  <a:lnTo>
                    <a:pt x="3238" y="775"/>
                  </a:lnTo>
                  <a:lnTo>
                    <a:pt x="3228" y="780"/>
                  </a:lnTo>
                  <a:lnTo>
                    <a:pt x="3216" y="786"/>
                  </a:lnTo>
                  <a:lnTo>
                    <a:pt x="3203" y="792"/>
                  </a:lnTo>
                  <a:lnTo>
                    <a:pt x="3191" y="797"/>
                  </a:lnTo>
                  <a:lnTo>
                    <a:pt x="3178" y="801"/>
                  </a:lnTo>
                  <a:lnTo>
                    <a:pt x="3151" y="808"/>
                  </a:lnTo>
                  <a:lnTo>
                    <a:pt x="3123" y="814"/>
                  </a:lnTo>
                  <a:lnTo>
                    <a:pt x="3093" y="819"/>
                  </a:lnTo>
                  <a:lnTo>
                    <a:pt x="3063" y="822"/>
                  </a:lnTo>
                  <a:lnTo>
                    <a:pt x="3031" y="823"/>
                  </a:lnTo>
                  <a:lnTo>
                    <a:pt x="2999" y="824"/>
                  </a:lnTo>
                  <a:close/>
                  <a:moveTo>
                    <a:pt x="2449" y="809"/>
                  </a:moveTo>
                  <a:lnTo>
                    <a:pt x="2372" y="624"/>
                  </a:lnTo>
                  <a:lnTo>
                    <a:pt x="1980" y="624"/>
                  </a:lnTo>
                  <a:lnTo>
                    <a:pt x="1900" y="809"/>
                  </a:lnTo>
                  <a:lnTo>
                    <a:pt x="1657" y="809"/>
                  </a:lnTo>
                  <a:lnTo>
                    <a:pt x="2036" y="0"/>
                  </a:lnTo>
                  <a:lnTo>
                    <a:pt x="2314" y="0"/>
                  </a:lnTo>
                  <a:lnTo>
                    <a:pt x="2694" y="809"/>
                  </a:lnTo>
                  <a:lnTo>
                    <a:pt x="2449" y="809"/>
                  </a:lnTo>
                  <a:close/>
                  <a:moveTo>
                    <a:pt x="2176" y="162"/>
                  </a:moveTo>
                  <a:lnTo>
                    <a:pt x="2038" y="484"/>
                  </a:lnTo>
                  <a:lnTo>
                    <a:pt x="2314" y="484"/>
                  </a:lnTo>
                  <a:lnTo>
                    <a:pt x="2176" y="162"/>
                  </a:lnTo>
                  <a:close/>
                  <a:moveTo>
                    <a:pt x="991" y="127"/>
                  </a:moveTo>
                  <a:lnTo>
                    <a:pt x="991" y="325"/>
                  </a:lnTo>
                  <a:lnTo>
                    <a:pt x="1394" y="325"/>
                  </a:lnTo>
                  <a:lnTo>
                    <a:pt x="1394" y="458"/>
                  </a:lnTo>
                  <a:lnTo>
                    <a:pt x="991" y="458"/>
                  </a:lnTo>
                  <a:lnTo>
                    <a:pt x="991" y="809"/>
                  </a:lnTo>
                  <a:lnTo>
                    <a:pt x="752" y="809"/>
                  </a:lnTo>
                  <a:lnTo>
                    <a:pt x="752" y="0"/>
                  </a:lnTo>
                  <a:lnTo>
                    <a:pt x="1413" y="0"/>
                  </a:lnTo>
                  <a:lnTo>
                    <a:pt x="1413" y="127"/>
                  </a:lnTo>
                  <a:lnTo>
                    <a:pt x="991" y="127"/>
                  </a:lnTo>
                  <a:close/>
                </a:path>
              </a:pathLst>
            </a:custGeom>
            <a:solidFill>
              <a:srgbClr val="1F1A17"/>
            </a:solidFill>
            <a:ln w="9525">
              <a:noFill/>
              <a:round/>
              <a:headEnd/>
              <a:tailEnd/>
            </a:ln>
          </p:spPr>
          <p:txBody>
            <a:bodyPr/>
            <a:lstStyle/>
            <a:p>
              <a:pPr algn="ctr" eaLnBrk="0" hangingPunct="0">
                <a:spcBef>
                  <a:spcPct val="50000"/>
                </a:spcBef>
                <a:defRPr/>
              </a:pPr>
              <a:endParaRPr lang="en-US" dirty="0"/>
            </a:p>
          </p:txBody>
        </p:sp>
        <p:sp>
          <p:nvSpPr>
            <p:cNvPr id="12" name="Freeform 17" hidden="1"/>
            <p:cNvSpPr>
              <a:spLocks noChangeAspect="1" noEditPoints="1"/>
            </p:cNvSpPr>
            <p:nvPr/>
          </p:nvSpPr>
          <p:spPr bwMode="gray">
            <a:xfrm>
              <a:off x="-2448" y="1872"/>
              <a:ext cx="205" cy="206"/>
            </a:xfrm>
            <a:custGeom>
              <a:avLst/>
              <a:gdLst/>
              <a:ahLst/>
              <a:cxnLst>
                <a:cxn ang="0">
                  <a:pos x="262" y="581"/>
                </a:cxn>
                <a:cxn ang="0">
                  <a:pos x="292" y="563"/>
                </a:cxn>
                <a:cxn ang="0">
                  <a:pos x="310" y="532"/>
                </a:cxn>
                <a:cxn ang="0">
                  <a:pos x="285" y="145"/>
                </a:cxn>
                <a:cxn ang="0">
                  <a:pos x="159" y="266"/>
                </a:cxn>
                <a:cxn ang="0">
                  <a:pos x="65" y="414"/>
                </a:cxn>
                <a:cxn ang="0">
                  <a:pos x="10" y="584"/>
                </a:cxn>
                <a:cxn ang="0">
                  <a:pos x="857" y="1429"/>
                </a:cxn>
                <a:cxn ang="0">
                  <a:pos x="1016" y="1378"/>
                </a:cxn>
                <a:cxn ang="0">
                  <a:pos x="1157" y="1295"/>
                </a:cxn>
                <a:cxn ang="0">
                  <a:pos x="1275" y="1182"/>
                </a:cxn>
                <a:cxn ang="0">
                  <a:pos x="1365" y="1045"/>
                </a:cxn>
                <a:cxn ang="0">
                  <a:pos x="1422" y="889"/>
                </a:cxn>
                <a:cxn ang="0">
                  <a:pos x="710" y="788"/>
                </a:cxn>
                <a:cxn ang="0">
                  <a:pos x="677" y="800"/>
                </a:cxn>
                <a:cxn ang="0">
                  <a:pos x="652" y="828"/>
                </a:cxn>
                <a:cxn ang="0">
                  <a:pos x="644" y="861"/>
                </a:cxn>
                <a:cxn ang="0">
                  <a:pos x="719" y="1442"/>
                </a:cxn>
                <a:cxn ang="0">
                  <a:pos x="567" y="365"/>
                </a:cxn>
                <a:cxn ang="0">
                  <a:pos x="536" y="384"/>
                </a:cxn>
                <a:cxn ang="0">
                  <a:pos x="518" y="414"/>
                </a:cxn>
                <a:cxn ang="0">
                  <a:pos x="515" y="1156"/>
                </a:cxn>
                <a:cxn ang="0">
                  <a:pos x="503" y="1190"/>
                </a:cxn>
                <a:cxn ang="0">
                  <a:pos x="475" y="1214"/>
                </a:cxn>
                <a:cxn ang="0">
                  <a:pos x="442" y="1222"/>
                </a:cxn>
                <a:cxn ang="0">
                  <a:pos x="282" y="1294"/>
                </a:cxn>
                <a:cxn ang="0">
                  <a:pos x="397" y="1367"/>
                </a:cxn>
                <a:cxn ang="0">
                  <a:pos x="526" y="1416"/>
                </a:cxn>
                <a:cxn ang="0">
                  <a:pos x="583" y="643"/>
                </a:cxn>
                <a:cxn ang="0">
                  <a:pos x="598" y="611"/>
                </a:cxn>
                <a:cxn ang="0">
                  <a:pos x="628" y="589"/>
                </a:cxn>
                <a:cxn ang="0">
                  <a:pos x="1428" y="584"/>
                </a:cxn>
                <a:cxn ang="0">
                  <a:pos x="1384" y="441"/>
                </a:cxn>
                <a:cxn ang="0">
                  <a:pos x="696" y="0"/>
                </a:cxn>
                <a:cxn ang="0">
                  <a:pos x="584" y="12"/>
                </a:cxn>
                <a:cxn ang="0">
                  <a:pos x="478" y="42"/>
                </a:cxn>
                <a:cxn ang="0">
                  <a:pos x="379" y="85"/>
                </a:cxn>
                <a:cxn ang="0">
                  <a:pos x="373" y="743"/>
                </a:cxn>
                <a:cxn ang="0">
                  <a:pos x="351" y="772"/>
                </a:cxn>
                <a:cxn ang="0">
                  <a:pos x="320" y="786"/>
                </a:cxn>
                <a:cxn ang="0">
                  <a:pos x="8" y="848"/>
                </a:cxn>
                <a:cxn ang="0">
                  <a:pos x="50" y="991"/>
                </a:cxn>
                <a:cxn ang="0">
                  <a:pos x="394" y="1015"/>
                </a:cxn>
                <a:cxn ang="0">
                  <a:pos x="424" y="997"/>
                </a:cxn>
                <a:cxn ang="0">
                  <a:pos x="443" y="967"/>
                </a:cxn>
                <a:cxn ang="0">
                  <a:pos x="446" y="224"/>
                </a:cxn>
                <a:cxn ang="0">
                  <a:pos x="458" y="191"/>
                </a:cxn>
                <a:cxn ang="0">
                  <a:pos x="485" y="167"/>
                </a:cxn>
                <a:cxn ang="0">
                  <a:pos x="519" y="157"/>
                </a:cxn>
                <a:cxn ang="0">
                  <a:pos x="1071" y="91"/>
                </a:cxn>
                <a:cxn ang="0">
                  <a:pos x="933" y="32"/>
                </a:cxn>
                <a:cxn ang="0">
                  <a:pos x="783" y="3"/>
                </a:cxn>
              </a:cxnLst>
              <a:rect l="0" t="0" r="r" b="b"/>
              <a:pathLst>
                <a:path w="1438" h="1442">
                  <a:moveTo>
                    <a:pt x="10" y="584"/>
                  </a:moveTo>
                  <a:lnTo>
                    <a:pt x="239" y="584"/>
                  </a:lnTo>
                  <a:lnTo>
                    <a:pt x="247" y="584"/>
                  </a:lnTo>
                  <a:lnTo>
                    <a:pt x="254" y="583"/>
                  </a:lnTo>
                  <a:lnTo>
                    <a:pt x="262" y="581"/>
                  </a:lnTo>
                  <a:lnTo>
                    <a:pt x="268" y="579"/>
                  </a:lnTo>
                  <a:lnTo>
                    <a:pt x="275" y="576"/>
                  </a:lnTo>
                  <a:lnTo>
                    <a:pt x="281" y="572"/>
                  </a:lnTo>
                  <a:lnTo>
                    <a:pt x="286" y="568"/>
                  </a:lnTo>
                  <a:lnTo>
                    <a:pt x="292" y="563"/>
                  </a:lnTo>
                  <a:lnTo>
                    <a:pt x="297" y="558"/>
                  </a:lnTo>
                  <a:lnTo>
                    <a:pt x="301" y="551"/>
                  </a:lnTo>
                  <a:lnTo>
                    <a:pt x="304" y="545"/>
                  </a:lnTo>
                  <a:lnTo>
                    <a:pt x="307" y="539"/>
                  </a:lnTo>
                  <a:lnTo>
                    <a:pt x="310" y="532"/>
                  </a:lnTo>
                  <a:lnTo>
                    <a:pt x="311" y="525"/>
                  </a:lnTo>
                  <a:lnTo>
                    <a:pt x="312" y="518"/>
                  </a:lnTo>
                  <a:lnTo>
                    <a:pt x="313" y="510"/>
                  </a:lnTo>
                  <a:lnTo>
                    <a:pt x="313" y="125"/>
                  </a:lnTo>
                  <a:lnTo>
                    <a:pt x="285" y="145"/>
                  </a:lnTo>
                  <a:lnTo>
                    <a:pt x="257" y="167"/>
                  </a:lnTo>
                  <a:lnTo>
                    <a:pt x="231" y="190"/>
                  </a:lnTo>
                  <a:lnTo>
                    <a:pt x="206" y="214"/>
                  </a:lnTo>
                  <a:lnTo>
                    <a:pt x="181" y="240"/>
                  </a:lnTo>
                  <a:lnTo>
                    <a:pt x="159" y="266"/>
                  </a:lnTo>
                  <a:lnTo>
                    <a:pt x="137" y="293"/>
                  </a:lnTo>
                  <a:lnTo>
                    <a:pt x="117" y="322"/>
                  </a:lnTo>
                  <a:lnTo>
                    <a:pt x="99" y="352"/>
                  </a:lnTo>
                  <a:lnTo>
                    <a:pt x="81" y="383"/>
                  </a:lnTo>
                  <a:lnTo>
                    <a:pt x="65" y="414"/>
                  </a:lnTo>
                  <a:lnTo>
                    <a:pt x="51" y="447"/>
                  </a:lnTo>
                  <a:lnTo>
                    <a:pt x="39" y="480"/>
                  </a:lnTo>
                  <a:lnTo>
                    <a:pt x="27" y="514"/>
                  </a:lnTo>
                  <a:lnTo>
                    <a:pt x="18" y="548"/>
                  </a:lnTo>
                  <a:lnTo>
                    <a:pt x="10" y="584"/>
                  </a:lnTo>
                  <a:close/>
                  <a:moveTo>
                    <a:pt x="719" y="1442"/>
                  </a:moveTo>
                  <a:lnTo>
                    <a:pt x="754" y="1441"/>
                  </a:lnTo>
                  <a:lnTo>
                    <a:pt x="789" y="1439"/>
                  </a:lnTo>
                  <a:lnTo>
                    <a:pt x="823" y="1435"/>
                  </a:lnTo>
                  <a:lnTo>
                    <a:pt x="857" y="1429"/>
                  </a:lnTo>
                  <a:lnTo>
                    <a:pt x="889" y="1422"/>
                  </a:lnTo>
                  <a:lnTo>
                    <a:pt x="922" y="1414"/>
                  </a:lnTo>
                  <a:lnTo>
                    <a:pt x="955" y="1403"/>
                  </a:lnTo>
                  <a:lnTo>
                    <a:pt x="985" y="1391"/>
                  </a:lnTo>
                  <a:lnTo>
                    <a:pt x="1016" y="1378"/>
                  </a:lnTo>
                  <a:lnTo>
                    <a:pt x="1046" y="1364"/>
                  </a:lnTo>
                  <a:lnTo>
                    <a:pt x="1075" y="1349"/>
                  </a:lnTo>
                  <a:lnTo>
                    <a:pt x="1103" y="1331"/>
                  </a:lnTo>
                  <a:lnTo>
                    <a:pt x="1131" y="1314"/>
                  </a:lnTo>
                  <a:lnTo>
                    <a:pt x="1157" y="1295"/>
                  </a:lnTo>
                  <a:lnTo>
                    <a:pt x="1182" y="1274"/>
                  </a:lnTo>
                  <a:lnTo>
                    <a:pt x="1207" y="1252"/>
                  </a:lnTo>
                  <a:lnTo>
                    <a:pt x="1230" y="1230"/>
                  </a:lnTo>
                  <a:lnTo>
                    <a:pt x="1253" y="1206"/>
                  </a:lnTo>
                  <a:lnTo>
                    <a:pt x="1275" y="1182"/>
                  </a:lnTo>
                  <a:lnTo>
                    <a:pt x="1295" y="1156"/>
                  </a:lnTo>
                  <a:lnTo>
                    <a:pt x="1314" y="1129"/>
                  </a:lnTo>
                  <a:lnTo>
                    <a:pt x="1332" y="1102"/>
                  </a:lnTo>
                  <a:lnTo>
                    <a:pt x="1348" y="1073"/>
                  </a:lnTo>
                  <a:lnTo>
                    <a:pt x="1365" y="1045"/>
                  </a:lnTo>
                  <a:lnTo>
                    <a:pt x="1379" y="1014"/>
                  </a:lnTo>
                  <a:lnTo>
                    <a:pt x="1391" y="984"/>
                  </a:lnTo>
                  <a:lnTo>
                    <a:pt x="1403" y="954"/>
                  </a:lnTo>
                  <a:lnTo>
                    <a:pt x="1412" y="921"/>
                  </a:lnTo>
                  <a:lnTo>
                    <a:pt x="1422" y="889"/>
                  </a:lnTo>
                  <a:lnTo>
                    <a:pt x="1429" y="855"/>
                  </a:lnTo>
                  <a:lnTo>
                    <a:pt x="1434" y="822"/>
                  </a:lnTo>
                  <a:lnTo>
                    <a:pt x="1438" y="788"/>
                  </a:lnTo>
                  <a:lnTo>
                    <a:pt x="718" y="788"/>
                  </a:lnTo>
                  <a:lnTo>
                    <a:pt x="710" y="788"/>
                  </a:lnTo>
                  <a:lnTo>
                    <a:pt x="703" y="789"/>
                  </a:lnTo>
                  <a:lnTo>
                    <a:pt x="696" y="791"/>
                  </a:lnTo>
                  <a:lnTo>
                    <a:pt x="689" y="793"/>
                  </a:lnTo>
                  <a:lnTo>
                    <a:pt x="683" y="796"/>
                  </a:lnTo>
                  <a:lnTo>
                    <a:pt x="677" y="800"/>
                  </a:lnTo>
                  <a:lnTo>
                    <a:pt x="671" y="804"/>
                  </a:lnTo>
                  <a:lnTo>
                    <a:pt x="666" y="809"/>
                  </a:lnTo>
                  <a:lnTo>
                    <a:pt x="660" y="815"/>
                  </a:lnTo>
                  <a:lnTo>
                    <a:pt x="656" y="822"/>
                  </a:lnTo>
                  <a:lnTo>
                    <a:pt x="652" y="828"/>
                  </a:lnTo>
                  <a:lnTo>
                    <a:pt x="649" y="834"/>
                  </a:lnTo>
                  <a:lnTo>
                    <a:pt x="647" y="840"/>
                  </a:lnTo>
                  <a:lnTo>
                    <a:pt x="646" y="847"/>
                  </a:lnTo>
                  <a:lnTo>
                    <a:pt x="645" y="854"/>
                  </a:lnTo>
                  <a:lnTo>
                    <a:pt x="644" y="861"/>
                  </a:lnTo>
                  <a:lnTo>
                    <a:pt x="644" y="1438"/>
                  </a:lnTo>
                  <a:lnTo>
                    <a:pt x="662" y="1440"/>
                  </a:lnTo>
                  <a:lnTo>
                    <a:pt x="682" y="1441"/>
                  </a:lnTo>
                  <a:lnTo>
                    <a:pt x="700" y="1442"/>
                  </a:lnTo>
                  <a:lnTo>
                    <a:pt x="719" y="1442"/>
                  </a:lnTo>
                  <a:close/>
                  <a:moveTo>
                    <a:pt x="1344" y="362"/>
                  </a:moveTo>
                  <a:lnTo>
                    <a:pt x="589" y="362"/>
                  </a:lnTo>
                  <a:lnTo>
                    <a:pt x="581" y="363"/>
                  </a:lnTo>
                  <a:lnTo>
                    <a:pt x="574" y="364"/>
                  </a:lnTo>
                  <a:lnTo>
                    <a:pt x="567" y="365"/>
                  </a:lnTo>
                  <a:lnTo>
                    <a:pt x="560" y="368"/>
                  </a:lnTo>
                  <a:lnTo>
                    <a:pt x="554" y="371"/>
                  </a:lnTo>
                  <a:lnTo>
                    <a:pt x="547" y="374"/>
                  </a:lnTo>
                  <a:lnTo>
                    <a:pt x="541" y="379"/>
                  </a:lnTo>
                  <a:lnTo>
                    <a:pt x="536" y="384"/>
                  </a:lnTo>
                  <a:lnTo>
                    <a:pt x="531" y="389"/>
                  </a:lnTo>
                  <a:lnTo>
                    <a:pt x="527" y="395"/>
                  </a:lnTo>
                  <a:lnTo>
                    <a:pt x="523" y="401"/>
                  </a:lnTo>
                  <a:lnTo>
                    <a:pt x="520" y="407"/>
                  </a:lnTo>
                  <a:lnTo>
                    <a:pt x="518" y="414"/>
                  </a:lnTo>
                  <a:lnTo>
                    <a:pt x="516" y="421"/>
                  </a:lnTo>
                  <a:lnTo>
                    <a:pt x="515" y="429"/>
                  </a:lnTo>
                  <a:lnTo>
                    <a:pt x="515" y="436"/>
                  </a:lnTo>
                  <a:lnTo>
                    <a:pt x="515" y="1149"/>
                  </a:lnTo>
                  <a:lnTo>
                    <a:pt x="515" y="1156"/>
                  </a:lnTo>
                  <a:lnTo>
                    <a:pt x="514" y="1164"/>
                  </a:lnTo>
                  <a:lnTo>
                    <a:pt x="512" y="1171"/>
                  </a:lnTo>
                  <a:lnTo>
                    <a:pt x="510" y="1177"/>
                  </a:lnTo>
                  <a:lnTo>
                    <a:pt x="507" y="1184"/>
                  </a:lnTo>
                  <a:lnTo>
                    <a:pt x="503" y="1190"/>
                  </a:lnTo>
                  <a:lnTo>
                    <a:pt x="498" y="1195"/>
                  </a:lnTo>
                  <a:lnTo>
                    <a:pt x="493" y="1201"/>
                  </a:lnTo>
                  <a:lnTo>
                    <a:pt x="487" y="1205"/>
                  </a:lnTo>
                  <a:lnTo>
                    <a:pt x="481" y="1210"/>
                  </a:lnTo>
                  <a:lnTo>
                    <a:pt x="475" y="1214"/>
                  </a:lnTo>
                  <a:lnTo>
                    <a:pt x="469" y="1217"/>
                  </a:lnTo>
                  <a:lnTo>
                    <a:pt x="462" y="1219"/>
                  </a:lnTo>
                  <a:lnTo>
                    <a:pt x="456" y="1221"/>
                  </a:lnTo>
                  <a:lnTo>
                    <a:pt x="449" y="1222"/>
                  </a:lnTo>
                  <a:lnTo>
                    <a:pt x="442" y="1222"/>
                  </a:lnTo>
                  <a:lnTo>
                    <a:pt x="200" y="1222"/>
                  </a:lnTo>
                  <a:lnTo>
                    <a:pt x="220" y="1241"/>
                  </a:lnTo>
                  <a:lnTo>
                    <a:pt x="239" y="1259"/>
                  </a:lnTo>
                  <a:lnTo>
                    <a:pt x="261" y="1277"/>
                  </a:lnTo>
                  <a:lnTo>
                    <a:pt x="282" y="1294"/>
                  </a:lnTo>
                  <a:lnTo>
                    <a:pt x="303" y="1310"/>
                  </a:lnTo>
                  <a:lnTo>
                    <a:pt x="326" y="1325"/>
                  </a:lnTo>
                  <a:lnTo>
                    <a:pt x="349" y="1340"/>
                  </a:lnTo>
                  <a:lnTo>
                    <a:pt x="373" y="1354"/>
                  </a:lnTo>
                  <a:lnTo>
                    <a:pt x="397" y="1367"/>
                  </a:lnTo>
                  <a:lnTo>
                    <a:pt x="422" y="1378"/>
                  </a:lnTo>
                  <a:lnTo>
                    <a:pt x="448" y="1389"/>
                  </a:lnTo>
                  <a:lnTo>
                    <a:pt x="473" y="1399"/>
                  </a:lnTo>
                  <a:lnTo>
                    <a:pt x="500" y="1407"/>
                  </a:lnTo>
                  <a:lnTo>
                    <a:pt x="526" y="1416"/>
                  </a:lnTo>
                  <a:lnTo>
                    <a:pt x="554" y="1423"/>
                  </a:lnTo>
                  <a:lnTo>
                    <a:pt x="581" y="1429"/>
                  </a:lnTo>
                  <a:lnTo>
                    <a:pt x="581" y="657"/>
                  </a:lnTo>
                  <a:lnTo>
                    <a:pt x="582" y="650"/>
                  </a:lnTo>
                  <a:lnTo>
                    <a:pt x="583" y="643"/>
                  </a:lnTo>
                  <a:lnTo>
                    <a:pt x="584" y="636"/>
                  </a:lnTo>
                  <a:lnTo>
                    <a:pt x="587" y="630"/>
                  </a:lnTo>
                  <a:lnTo>
                    <a:pt x="590" y="624"/>
                  </a:lnTo>
                  <a:lnTo>
                    <a:pt x="593" y="617"/>
                  </a:lnTo>
                  <a:lnTo>
                    <a:pt x="598" y="611"/>
                  </a:lnTo>
                  <a:lnTo>
                    <a:pt x="603" y="605"/>
                  </a:lnTo>
                  <a:lnTo>
                    <a:pt x="610" y="600"/>
                  </a:lnTo>
                  <a:lnTo>
                    <a:pt x="615" y="596"/>
                  </a:lnTo>
                  <a:lnTo>
                    <a:pt x="621" y="592"/>
                  </a:lnTo>
                  <a:lnTo>
                    <a:pt x="628" y="589"/>
                  </a:lnTo>
                  <a:lnTo>
                    <a:pt x="634" y="587"/>
                  </a:lnTo>
                  <a:lnTo>
                    <a:pt x="641" y="585"/>
                  </a:lnTo>
                  <a:lnTo>
                    <a:pt x="648" y="584"/>
                  </a:lnTo>
                  <a:lnTo>
                    <a:pt x="655" y="584"/>
                  </a:lnTo>
                  <a:lnTo>
                    <a:pt x="1428" y="584"/>
                  </a:lnTo>
                  <a:lnTo>
                    <a:pt x="1422" y="554"/>
                  </a:lnTo>
                  <a:lnTo>
                    <a:pt x="1413" y="525"/>
                  </a:lnTo>
                  <a:lnTo>
                    <a:pt x="1405" y="497"/>
                  </a:lnTo>
                  <a:lnTo>
                    <a:pt x="1395" y="468"/>
                  </a:lnTo>
                  <a:lnTo>
                    <a:pt x="1384" y="441"/>
                  </a:lnTo>
                  <a:lnTo>
                    <a:pt x="1372" y="414"/>
                  </a:lnTo>
                  <a:lnTo>
                    <a:pt x="1359" y="388"/>
                  </a:lnTo>
                  <a:lnTo>
                    <a:pt x="1344" y="362"/>
                  </a:lnTo>
                  <a:close/>
                  <a:moveTo>
                    <a:pt x="719" y="0"/>
                  </a:moveTo>
                  <a:lnTo>
                    <a:pt x="696" y="0"/>
                  </a:lnTo>
                  <a:lnTo>
                    <a:pt x="674" y="1"/>
                  </a:lnTo>
                  <a:lnTo>
                    <a:pt x="650" y="3"/>
                  </a:lnTo>
                  <a:lnTo>
                    <a:pt x="628" y="6"/>
                  </a:lnTo>
                  <a:lnTo>
                    <a:pt x="607" y="9"/>
                  </a:lnTo>
                  <a:lnTo>
                    <a:pt x="584" y="12"/>
                  </a:lnTo>
                  <a:lnTo>
                    <a:pt x="563" y="17"/>
                  </a:lnTo>
                  <a:lnTo>
                    <a:pt x="541" y="22"/>
                  </a:lnTo>
                  <a:lnTo>
                    <a:pt x="520" y="28"/>
                  </a:lnTo>
                  <a:lnTo>
                    <a:pt x="499" y="35"/>
                  </a:lnTo>
                  <a:lnTo>
                    <a:pt x="478" y="42"/>
                  </a:lnTo>
                  <a:lnTo>
                    <a:pt x="458" y="49"/>
                  </a:lnTo>
                  <a:lnTo>
                    <a:pt x="438" y="57"/>
                  </a:lnTo>
                  <a:lnTo>
                    <a:pt x="417" y="66"/>
                  </a:lnTo>
                  <a:lnTo>
                    <a:pt x="398" y="75"/>
                  </a:lnTo>
                  <a:lnTo>
                    <a:pt x="379" y="85"/>
                  </a:lnTo>
                  <a:lnTo>
                    <a:pt x="379" y="714"/>
                  </a:lnTo>
                  <a:lnTo>
                    <a:pt x="379" y="722"/>
                  </a:lnTo>
                  <a:lnTo>
                    <a:pt x="378" y="729"/>
                  </a:lnTo>
                  <a:lnTo>
                    <a:pt x="376" y="736"/>
                  </a:lnTo>
                  <a:lnTo>
                    <a:pt x="373" y="743"/>
                  </a:lnTo>
                  <a:lnTo>
                    <a:pt x="370" y="749"/>
                  </a:lnTo>
                  <a:lnTo>
                    <a:pt x="366" y="756"/>
                  </a:lnTo>
                  <a:lnTo>
                    <a:pt x="362" y="762"/>
                  </a:lnTo>
                  <a:lnTo>
                    <a:pt x="357" y="767"/>
                  </a:lnTo>
                  <a:lnTo>
                    <a:pt x="351" y="772"/>
                  </a:lnTo>
                  <a:lnTo>
                    <a:pt x="345" y="776"/>
                  </a:lnTo>
                  <a:lnTo>
                    <a:pt x="339" y="780"/>
                  </a:lnTo>
                  <a:lnTo>
                    <a:pt x="333" y="783"/>
                  </a:lnTo>
                  <a:lnTo>
                    <a:pt x="327" y="785"/>
                  </a:lnTo>
                  <a:lnTo>
                    <a:pt x="320" y="786"/>
                  </a:lnTo>
                  <a:lnTo>
                    <a:pt x="312" y="787"/>
                  </a:lnTo>
                  <a:lnTo>
                    <a:pt x="305" y="788"/>
                  </a:lnTo>
                  <a:lnTo>
                    <a:pt x="0" y="788"/>
                  </a:lnTo>
                  <a:lnTo>
                    <a:pt x="3" y="818"/>
                  </a:lnTo>
                  <a:lnTo>
                    <a:pt x="8" y="848"/>
                  </a:lnTo>
                  <a:lnTo>
                    <a:pt x="14" y="877"/>
                  </a:lnTo>
                  <a:lnTo>
                    <a:pt x="21" y="907"/>
                  </a:lnTo>
                  <a:lnTo>
                    <a:pt x="30" y="935"/>
                  </a:lnTo>
                  <a:lnTo>
                    <a:pt x="39" y="964"/>
                  </a:lnTo>
                  <a:lnTo>
                    <a:pt x="50" y="991"/>
                  </a:lnTo>
                  <a:lnTo>
                    <a:pt x="61" y="1018"/>
                  </a:lnTo>
                  <a:lnTo>
                    <a:pt x="371" y="1018"/>
                  </a:lnTo>
                  <a:lnTo>
                    <a:pt x="380" y="1018"/>
                  </a:lnTo>
                  <a:lnTo>
                    <a:pt x="387" y="1017"/>
                  </a:lnTo>
                  <a:lnTo>
                    <a:pt x="394" y="1015"/>
                  </a:lnTo>
                  <a:lnTo>
                    <a:pt x="401" y="1012"/>
                  </a:lnTo>
                  <a:lnTo>
                    <a:pt x="407" y="1009"/>
                  </a:lnTo>
                  <a:lnTo>
                    <a:pt x="413" y="1006"/>
                  </a:lnTo>
                  <a:lnTo>
                    <a:pt x="419" y="1002"/>
                  </a:lnTo>
                  <a:lnTo>
                    <a:pt x="424" y="997"/>
                  </a:lnTo>
                  <a:lnTo>
                    <a:pt x="429" y="991"/>
                  </a:lnTo>
                  <a:lnTo>
                    <a:pt x="434" y="986"/>
                  </a:lnTo>
                  <a:lnTo>
                    <a:pt x="438" y="980"/>
                  </a:lnTo>
                  <a:lnTo>
                    <a:pt x="441" y="973"/>
                  </a:lnTo>
                  <a:lnTo>
                    <a:pt x="443" y="967"/>
                  </a:lnTo>
                  <a:lnTo>
                    <a:pt x="444" y="960"/>
                  </a:lnTo>
                  <a:lnTo>
                    <a:pt x="445" y="952"/>
                  </a:lnTo>
                  <a:lnTo>
                    <a:pt x="446" y="944"/>
                  </a:lnTo>
                  <a:lnTo>
                    <a:pt x="446" y="232"/>
                  </a:lnTo>
                  <a:lnTo>
                    <a:pt x="446" y="224"/>
                  </a:lnTo>
                  <a:lnTo>
                    <a:pt x="447" y="217"/>
                  </a:lnTo>
                  <a:lnTo>
                    <a:pt x="449" y="210"/>
                  </a:lnTo>
                  <a:lnTo>
                    <a:pt x="451" y="204"/>
                  </a:lnTo>
                  <a:lnTo>
                    <a:pt x="454" y="197"/>
                  </a:lnTo>
                  <a:lnTo>
                    <a:pt x="458" y="191"/>
                  </a:lnTo>
                  <a:lnTo>
                    <a:pt x="462" y="186"/>
                  </a:lnTo>
                  <a:lnTo>
                    <a:pt x="468" y="180"/>
                  </a:lnTo>
                  <a:lnTo>
                    <a:pt x="473" y="175"/>
                  </a:lnTo>
                  <a:lnTo>
                    <a:pt x="479" y="171"/>
                  </a:lnTo>
                  <a:lnTo>
                    <a:pt x="485" y="167"/>
                  </a:lnTo>
                  <a:lnTo>
                    <a:pt x="492" y="163"/>
                  </a:lnTo>
                  <a:lnTo>
                    <a:pt x="498" y="160"/>
                  </a:lnTo>
                  <a:lnTo>
                    <a:pt x="505" y="159"/>
                  </a:lnTo>
                  <a:lnTo>
                    <a:pt x="512" y="158"/>
                  </a:lnTo>
                  <a:lnTo>
                    <a:pt x="519" y="157"/>
                  </a:lnTo>
                  <a:lnTo>
                    <a:pt x="1169" y="157"/>
                  </a:lnTo>
                  <a:lnTo>
                    <a:pt x="1146" y="140"/>
                  </a:lnTo>
                  <a:lnTo>
                    <a:pt x="1121" y="123"/>
                  </a:lnTo>
                  <a:lnTo>
                    <a:pt x="1096" y="107"/>
                  </a:lnTo>
                  <a:lnTo>
                    <a:pt x="1071" y="91"/>
                  </a:lnTo>
                  <a:lnTo>
                    <a:pt x="1044" y="77"/>
                  </a:lnTo>
                  <a:lnTo>
                    <a:pt x="1018" y="65"/>
                  </a:lnTo>
                  <a:lnTo>
                    <a:pt x="990" y="53"/>
                  </a:lnTo>
                  <a:lnTo>
                    <a:pt x="962" y="42"/>
                  </a:lnTo>
                  <a:lnTo>
                    <a:pt x="933" y="32"/>
                  </a:lnTo>
                  <a:lnTo>
                    <a:pt x="904" y="24"/>
                  </a:lnTo>
                  <a:lnTo>
                    <a:pt x="874" y="17"/>
                  </a:lnTo>
                  <a:lnTo>
                    <a:pt x="844" y="11"/>
                  </a:lnTo>
                  <a:lnTo>
                    <a:pt x="813" y="6"/>
                  </a:lnTo>
                  <a:lnTo>
                    <a:pt x="783" y="3"/>
                  </a:lnTo>
                  <a:lnTo>
                    <a:pt x="751" y="1"/>
                  </a:lnTo>
                  <a:lnTo>
                    <a:pt x="719" y="0"/>
                  </a:lnTo>
                  <a:close/>
                </a:path>
              </a:pathLst>
            </a:custGeom>
            <a:solidFill>
              <a:srgbClr val="D82A34"/>
            </a:solidFill>
            <a:ln w="9525">
              <a:noFill/>
              <a:round/>
              <a:headEnd/>
              <a:tailEnd/>
            </a:ln>
          </p:spPr>
          <p:txBody>
            <a:bodyPr/>
            <a:lstStyle/>
            <a:p>
              <a:pPr algn="ctr" eaLnBrk="0" hangingPunct="0">
                <a:spcBef>
                  <a:spcPct val="50000"/>
                </a:spcBef>
                <a:defRPr/>
              </a:pPr>
              <a:endParaRPr lang="en-US" dirty="0"/>
            </a:p>
          </p:txBody>
        </p:sp>
      </p:grpSp>
      <p:grpSp>
        <p:nvGrpSpPr>
          <p:cNvPr id="13" name="Group 18" hidden="1"/>
          <p:cNvGrpSpPr>
            <a:grpSpLocks/>
          </p:cNvGrpSpPr>
          <p:nvPr>
            <p:custDataLst>
              <p:tags r:id="rId9"/>
            </p:custDataLst>
          </p:nvPr>
        </p:nvGrpSpPr>
        <p:grpSpPr bwMode="auto">
          <a:xfrm>
            <a:off x="-2001838" y="6297613"/>
            <a:ext cx="1773238" cy="331787"/>
            <a:chOff x="-1239" y="4520"/>
            <a:chExt cx="1117" cy="209"/>
          </a:xfrm>
        </p:grpSpPr>
        <p:sp>
          <p:nvSpPr>
            <p:cNvPr id="14" name="Freeform 19" hidden="1"/>
            <p:cNvSpPr>
              <a:spLocks noEditPoints="1"/>
            </p:cNvSpPr>
            <p:nvPr/>
          </p:nvSpPr>
          <p:spPr bwMode="gray">
            <a:xfrm>
              <a:off x="-963" y="4563"/>
              <a:ext cx="841" cy="129"/>
            </a:xfrm>
            <a:custGeom>
              <a:avLst/>
              <a:gdLst/>
              <a:ahLst/>
              <a:cxnLst>
                <a:cxn ang="0">
                  <a:pos x="84" y="1574"/>
                </a:cxn>
                <a:cxn ang="0">
                  <a:pos x="525" y="1578"/>
                </a:cxn>
                <a:cxn ang="0">
                  <a:pos x="701" y="1445"/>
                </a:cxn>
                <a:cxn ang="0">
                  <a:pos x="758" y="1198"/>
                </a:cxn>
                <a:cxn ang="0">
                  <a:pos x="1193" y="1591"/>
                </a:cxn>
                <a:cxn ang="0">
                  <a:pos x="849" y="1863"/>
                </a:cxn>
                <a:cxn ang="0">
                  <a:pos x="11711" y="1918"/>
                </a:cxn>
                <a:cxn ang="0">
                  <a:pos x="11425" y="1597"/>
                </a:cxn>
                <a:cxn ang="0">
                  <a:pos x="11841" y="1666"/>
                </a:cxn>
                <a:cxn ang="0">
                  <a:pos x="12138" y="1601"/>
                </a:cxn>
                <a:cxn ang="0">
                  <a:pos x="12168" y="1499"/>
                </a:cxn>
                <a:cxn ang="0">
                  <a:pos x="12060" y="1406"/>
                </a:cxn>
                <a:cxn ang="0">
                  <a:pos x="11536" y="1243"/>
                </a:cxn>
                <a:cxn ang="0">
                  <a:pos x="11353" y="1067"/>
                </a:cxn>
                <a:cxn ang="0">
                  <a:pos x="11356" y="762"/>
                </a:cxn>
                <a:cxn ang="0">
                  <a:pos x="11607" y="559"/>
                </a:cxn>
                <a:cxn ang="0">
                  <a:pos x="11992" y="501"/>
                </a:cxn>
                <a:cxn ang="0">
                  <a:pos x="12506" y="560"/>
                </a:cxn>
                <a:cxn ang="0">
                  <a:pos x="12089" y="748"/>
                </a:cxn>
                <a:cxn ang="0">
                  <a:pos x="11789" y="809"/>
                </a:cxn>
                <a:cxn ang="0">
                  <a:pos x="11760" y="909"/>
                </a:cxn>
                <a:cxn ang="0">
                  <a:pos x="11899" y="1001"/>
                </a:cxn>
                <a:cxn ang="0">
                  <a:pos x="12425" y="1163"/>
                </a:cxn>
                <a:cxn ang="0">
                  <a:pos x="12593" y="1358"/>
                </a:cxn>
                <a:cxn ang="0">
                  <a:pos x="12567" y="1675"/>
                </a:cxn>
                <a:cxn ang="0">
                  <a:pos x="12289" y="1872"/>
                </a:cxn>
                <a:cxn ang="0">
                  <a:pos x="10637" y="1891"/>
                </a:cxn>
                <a:cxn ang="0">
                  <a:pos x="10284" y="1907"/>
                </a:cxn>
                <a:cxn ang="0">
                  <a:pos x="9815" y="1874"/>
                </a:cxn>
                <a:cxn ang="0">
                  <a:pos x="9488" y="1587"/>
                </a:cxn>
                <a:cxn ang="0">
                  <a:pos x="9399" y="1179"/>
                </a:cxn>
                <a:cxn ang="0">
                  <a:pos x="9532" y="766"/>
                </a:cxn>
                <a:cxn ang="0">
                  <a:pos x="9898" y="528"/>
                </a:cxn>
                <a:cxn ang="0">
                  <a:pos x="10414" y="545"/>
                </a:cxn>
                <a:cxn ang="0">
                  <a:pos x="10232" y="795"/>
                </a:cxn>
                <a:cxn ang="0">
                  <a:pos x="9987" y="882"/>
                </a:cxn>
                <a:cxn ang="0">
                  <a:pos x="9868" y="1089"/>
                </a:cxn>
                <a:cxn ang="0">
                  <a:pos x="9870" y="1347"/>
                </a:cxn>
                <a:cxn ang="0">
                  <a:pos x="9992" y="1557"/>
                </a:cxn>
                <a:cxn ang="0">
                  <a:pos x="10260" y="1632"/>
                </a:cxn>
                <a:cxn ang="0">
                  <a:pos x="10496" y="1532"/>
                </a:cxn>
                <a:cxn ang="0">
                  <a:pos x="10609" y="1313"/>
                </a:cxn>
                <a:cxn ang="0">
                  <a:pos x="10596" y="1064"/>
                </a:cxn>
                <a:cxn ang="0">
                  <a:pos x="10459" y="863"/>
                </a:cxn>
                <a:cxn ang="0">
                  <a:pos x="8754" y="1253"/>
                </a:cxn>
                <a:cxn ang="0">
                  <a:pos x="8703" y="913"/>
                </a:cxn>
                <a:cxn ang="0">
                  <a:pos x="8488" y="797"/>
                </a:cxn>
                <a:cxn ang="0">
                  <a:pos x="8179" y="869"/>
                </a:cxn>
                <a:cxn ang="0">
                  <a:pos x="8145" y="617"/>
                </a:cxn>
                <a:cxn ang="0">
                  <a:pos x="8571" y="501"/>
                </a:cxn>
                <a:cxn ang="0">
                  <a:pos x="9027" y="634"/>
                </a:cxn>
                <a:cxn ang="0">
                  <a:pos x="9180" y="946"/>
                </a:cxn>
                <a:cxn ang="0">
                  <a:pos x="6812" y="1802"/>
                </a:cxn>
                <a:cxn ang="0">
                  <a:pos x="6386" y="1919"/>
                </a:cxn>
                <a:cxn ang="0">
                  <a:pos x="5931" y="1785"/>
                </a:cxn>
                <a:cxn ang="0">
                  <a:pos x="5780" y="1473"/>
                </a:cxn>
                <a:cxn ang="0">
                  <a:pos x="6213" y="1345"/>
                </a:cxn>
                <a:cxn ang="0">
                  <a:pos x="6296" y="1558"/>
                </a:cxn>
                <a:cxn ang="0">
                  <a:pos x="6568" y="1621"/>
                </a:cxn>
                <a:cxn ang="0">
                  <a:pos x="6862" y="1480"/>
                </a:cxn>
                <a:cxn ang="0">
                  <a:pos x="4128" y="131"/>
                </a:cxn>
                <a:cxn ang="0">
                  <a:pos x="3087" y="407"/>
                </a:cxn>
              </a:cxnLst>
              <a:rect l="0" t="0" r="r" b="b"/>
              <a:pathLst>
                <a:path w="12613" h="1923">
                  <a:moveTo>
                    <a:pt x="479" y="1923"/>
                  </a:moveTo>
                  <a:lnTo>
                    <a:pt x="424" y="1923"/>
                  </a:lnTo>
                  <a:lnTo>
                    <a:pt x="364" y="1922"/>
                  </a:lnTo>
                  <a:lnTo>
                    <a:pt x="303" y="1919"/>
                  </a:lnTo>
                  <a:lnTo>
                    <a:pt x="242" y="1916"/>
                  </a:lnTo>
                  <a:lnTo>
                    <a:pt x="179" y="1912"/>
                  </a:lnTo>
                  <a:lnTo>
                    <a:pt x="118" y="1907"/>
                  </a:lnTo>
                  <a:lnTo>
                    <a:pt x="57" y="1902"/>
                  </a:lnTo>
                  <a:lnTo>
                    <a:pt x="0" y="1896"/>
                  </a:lnTo>
                  <a:lnTo>
                    <a:pt x="0" y="1558"/>
                  </a:lnTo>
                  <a:lnTo>
                    <a:pt x="28" y="1564"/>
                  </a:lnTo>
                  <a:lnTo>
                    <a:pt x="55" y="1569"/>
                  </a:lnTo>
                  <a:lnTo>
                    <a:pt x="84" y="1574"/>
                  </a:lnTo>
                  <a:lnTo>
                    <a:pt x="113" y="1578"/>
                  </a:lnTo>
                  <a:lnTo>
                    <a:pt x="169" y="1584"/>
                  </a:lnTo>
                  <a:lnTo>
                    <a:pt x="225" y="1589"/>
                  </a:lnTo>
                  <a:lnTo>
                    <a:pt x="276" y="1593"/>
                  </a:lnTo>
                  <a:lnTo>
                    <a:pt x="324" y="1594"/>
                  </a:lnTo>
                  <a:lnTo>
                    <a:pt x="365" y="1595"/>
                  </a:lnTo>
                  <a:lnTo>
                    <a:pt x="400" y="1595"/>
                  </a:lnTo>
                  <a:lnTo>
                    <a:pt x="423" y="1595"/>
                  </a:lnTo>
                  <a:lnTo>
                    <a:pt x="445" y="1593"/>
                  </a:lnTo>
                  <a:lnTo>
                    <a:pt x="466" y="1591"/>
                  </a:lnTo>
                  <a:lnTo>
                    <a:pt x="487" y="1587"/>
                  </a:lnTo>
                  <a:lnTo>
                    <a:pt x="506" y="1582"/>
                  </a:lnTo>
                  <a:lnTo>
                    <a:pt x="525" y="1578"/>
                  </a:lnTo>
                  <a:lnTo>
                    <a:pt x="543" y="1572"/>
                  </a:lnTo>
                  <a:lnTo>
                    <a:pt x="561" y="1566"/>
                  </a:lnTo>
                  <a:lnTo>
                    <a:pt x="578" y="1558"/>
                  </a:lnTo>
                  <a:lnTo>
                    <a:pt x="593" y="1550"/>
                  </a:lnTo>
                  <a:lnTo>
                    <a:pt x="608" y="1542"/>
                  </a:lnTo>
                  <a:lnTo>
                    <a:pt x="623" y="1531"/>
                  </a:lnTo>
                  <a:lnTo>
                    <a:pt x="636" y="1522"/>
                  </a:lnTo>
                  <a:lnTo>
                    <a:pt x="649" y="1510"/>
                  </a:lnTo>
                  <a:lnTo>
                    <a:pt x="660" y="1499"/>
                  </a:lnTo>
                  <a:lnTo>
                    <a:pt x="672" y="1487"/>
                  </a:lnTo>
                  <a:lnTo>
                    <a:pt x="682" y="1473"/>
                  </a:lnTo>
                  <a:lnTo>
                    <a:pt x="692" y="1459"/>
                  </a:lnTo>
                  <a:lnTo>
                    <a:pt x="701" y="1445"/>
                  </a:lnTo>
                  <a:lnTo>
                    <a:pt x="710" y="1429"/>
                  </a:lnTo>
                  <a:lnTo>
                    <a:pt x="718" y="1414"/>
                  </a:lnTo>
                  <a:lnTo>
                    <a:pt x="724" y="1397"/>
                  </a:lnTo>
                  <a:lnTo>
                    <a:pt x="731" y="1379"/>
                  </a:lnTo>
                  <a:lnTo>
                    <a:pt x="737" y="1362"/>
                  </a:lnTo>
                  <a:lnTo>
                    <a:pt x="741" y="1344"/>
                  </a:lnTo>
                  <a:lnTo>
                    <a:pt x="745" y="1324"/>
                  </a:lnTo>
                  <a:lnTo>
                    <a:pt x="749" y="1304"/>
                  </a:lnTo>
                  <a:lnTo>
                    <a:pt x="753" y="1285"/>
                  </a:lnTo>
                  <a:lnTo>
                    <a:pt x="755" y="1264"/>
                  </a:lnTo>
                  <a:lnTo>
                    <a:pt x="756" y="1242"/>
                  </a:lnTo>
                  <a:lnTo>
                    <a:pt x="757" y="1220"/>
                  </a:lnTo>
                  <a:lnTo>
                    <a:pt x="758" y="1198"/>
                  </a:lnTo>
                  <a:lnTo>
                    <a:pt x="758" y="131"/>
                  </a:lnTo>
                  <a:lnTo>
                    <a:pt x="1280" y="131"/>
                  </a:lnTo>
                  <a:lnTo>
                    <a:pt x="1280" y="1259"/>
                  </a:lnTo>
                  <a:lnTo>
                    <a:pt x="1279" y="1296"/>
                  </a:lnTo>
                  <a:lnTo>
                    <a:pt x="1276" y="1332"/>
                  </a:lnTo>
                  <a:lnTo>
                    <a:pt x="1272" y="1368"/>
                  </a:lnTo>
                  <a:lnTo>
                    <a:pt x="1266" y="1402"/>
                  </a:lnTo>
                  <a:lnTo>
                    <a:pt x="1257" y="1437"/>
                  </a:lnTo>
                  <a:lnTo>
                    <a:pt x="1248" y="1469"/>
                  </a:lnTo>
                  <a:lnTo>
                    <a:pt x="1237" y="1501"/>
                  </a:lnTo>
                  <a:lnTo>
                    <a:pt x="1224" y="1532"/>
                  </a:lnTo>
                  <a:lnTo>
                    <a:pt x="1210" y="1563"/>
                  </a:lnTo>
                  <a:lnTo>
                    <a:pt x="1193" y="1591"/>
                  </a:lnTo>
                  <a:lnTo>
                    <a:pt x="1176" y="1619"/>
                  </a:lnTo>
                  <a:lnTo>
                    <a:pt x="1157" y="1646"/>
                  </a:lnTo>
                  <a:lnTo>
                    <a:pt x="1136" y="1672"/>
                  </a:lnTo>
                  <a:lnTo>
                    <a:pt x="1114" y="1696"/>
                  </a:lnTo>
                  <a:lnTo>
                    <a:pt x="1090" y="1720"/>
                  </a:lnTo>
                  <a:lnTo>
                    <a:pt x="1065" y="1742"/>
                  </a:lnTo>
                  <a:lnTo>
                    <a:pt x="1038" y="1762"/>
                  </a:lnTo>
                  <a:lnTo>
                    <a:pt x="1010" y="1783"/>
                  </a:lnTo>
                  <a:lnTo>
                    <a:pt x="981" y="1802"/>
                  </a:lnTo>
                  <a:lnTo>
                    <a:pt x="950" y="1819"/>
                  </a:lnTo>
                  <a:lnTo>
                    <a:pt x="918" y="1835"/>
                  </a:lnTo>
                  <a:lnTo>
                    <a:pt x="885" y="1850"/>
                  </a:lnTo>
                  <a:lnTo>
                    <a:pt x="849" y="1863"/>
                  </a:lnTo>
                  <a:lnTo>
                    <a:pt x="813" y="1876"/>
                  </a:lnTo>
                  <a:lnTo>
                    <a:pt x="776" y="1886"/>
                  </a:lnTo>
                  <a:lnTo>
                    <a:pt x="737" y="1896"/>
                  </a:lnTo>
                  <a:lnTo>
                    <a:pt x="697" y="1904"/>
                  </a:lnTo>
                  <a:lnTo>
                    <a:pt x="656" y="1911"/>
                  </a:lnTo>
                  <a:lnTo>
                    <a:pt x="613" y="1917"/>
                  </a:lnTo>
                  <a:lnTo>
                    <a:pt x="570" y="1920"/>
                  </a:lnTo>
                  <a:lnTo>
                    <a:pt x="525" y="1923"/>
                  </a:lnTo>
                  <a:lnTo>
                    <a:pt x="479" y="1923"/>
                  </a:lnTo>
                  <a:close/>
                  <a:moveTo>
                    <a:pt x="11898" y="1923"/>
                  </a:moveTo>
                  <a:lnTo>
                    <a:pt x="11837" y="1923"/>
                  </a:lnTo>
                  <a:lnTo>
                    <a:pt x="11775" y="1921"/>
                  </a:lnTo>
                  <a:lnTo>
                    <a:pt x="11711" y="1918"/>
                  </a:lnTo>
                  <a:lnTo>
                    <a:pt x="11644" y="1911"/>
                  </a:lnTo>
                  <a:lnTo>
                    <a:pt x="11610" y="1907"/>
                  </a:lnTo>
                  <a:lnTo>
                    <a:pt x="11575" y="1903"/>
                  </a:lnTo>
                  <a:lnTo>
                    <a:pt x="11539" y="1898"/>
                  </a:lnTo>
                  <a:lnTo>
                    <a:pt x="11502" y="1892"/>
                  </a:lnTo>
                  <a:lnTo>
                    <a:pt x="11463" y="1884"/>
                  </a:lnTo>
                  <a:lnTo>
                    <a:pt x="11424" y="1876"/>
                  </a:lnTo>
                  <a:lnTo>
                    <a:pt x="11384" y="1868"/>
                  </a:lnTo>
                  <a:lnTo>
                    <a:pt x="11342" y="1857"/>
                  </a:lnTo>
                  <a:lnTo>
                    <a:pt x="11342" y="1567"/>
                  </a:lnTo>
                  <a:lnTo>
                    <a:pt x="11369" y="1577"/>
                  </a:lnTo>
                  <a:lnTo>
                    <a:pt x="11396" y="1588"/>
                  </a:lnTo>
                  <a:lnTo>
                    <a:pt x="11425" y="1597"/>
                  </a:lnTo>
                  <a:lnTo>
                    <a:pt x="11457" y="1606"/>
                  </a:lnTo>
                  <a:lnTo>
                    <a:pt x="11488" y="1615"/>
                  </a:lnTo>
                  <a:lnTo>
                    <a:pt x="11521" y="1623"/>
                  </a:lnTo>
                  <a:lnTo>
                    <a:pt x="11553" y="1630"/>
                  </a:lnTo>
                  <a:lnTo>
                    <a:pt x="11587" y="1638"/>
                  </a:lnTo>
                  <a:lnTo>
                    <a:pt x="11619" y="1644"/>
                  </a:lnTo>
                  <a:lnTo>
                    <a:pt x="11653" y="1649"/>
                  </a:lnTo>
                  <a:lnTo>
                    <a:pt x="11686" y="1654"/>
                  </a:lnTo>
                  <a:lnTo>
                    <a:pt x="11719" y="1658"/>
                  </a:lnTo>
                  <a:lnTo>
                    <a:pt x="11751" y="1661"/>
                  </a:lnTo>
                  <a:lnTo>
                    <a:pt x="11782" y="1664"/>
                  </a:lnTo>
                  <a:lnTo>
                    <a:pt x="11812" y="1666"/>
                  </a:lnTo>
                  <a:lnTo>
                    <a:pt x="11841" y="1666"/>
                  </a:lnTo>
                  <a:lnTo>
                    <a:pt x="11884" y="1665"/>
                  </a:lnTo>
                  <a:lnTo>
                    <a:pt x="11923" y="1664"/>
                  </a:lnTo>
                  <a:lnTo>
                    <a:pt x="11960" y="1660"/>
                  </a:lnTo>
                  <a:lnTo>
                    <a:pt x="11992" y="1656"/>
                  </a:lnTo>
                  <a:lnTo>
                    <a:pt x="12022" y="1651"/>
                  </a:lnTo>
                  <a:lnTo>
                    <a:pt x="12050" y="1644"/>
                  </a:lnTo>
                  <a:lnTo>
                    <a:pt x="12075" y="1636"/>
                  </a:lnTo>
                  <a:lnTo>
                    <a:pt x="12096" y="1628"/>
                  </a:lnTo>
                  <a:lnTo>
                    <a:pt x="12105" y="1623"/>
                  </a:lnTo>
                  <a:lnTo>
                    <a:pt x="12115" y="1618"/>
                  </a:lnTo>
                  <a:lnTo>
                    <a:pt x="12123" y="1613"/>
                  </a:lnTo>
                  <a:lnTo>
                    <a:pt x="12130" y="1606"/>
                  </a:lnTo>
                  <a:lnTo>
                    <a:pt x="12138" y="1601"/>
                  </a:lnTo>
                  <a:lnTo>
                    <a:pt x="12144" y="1594"/>
                  </a:lnTo>
                  <a:lnTo>
                    <a:pt x="12149" y="1588"/>
                  </a:lnTo>
                  <a:lnTo>
                    <a:pt x="12154" y="1581"/>
                  </a:lnTo>
                  <a:lnTo>
                    <a:pt x="12159" y="1574"/>
                  </a:lnTo>
                  <a:lnTo>
                    <a:pt x="12162" y="1567"/>
                  </a:lnTo>
                  <a:lnTo>
                    <a:pt x="12165" y="1558"/>
                  </a:lnTo>
                  <a:lnTo>
                    <a:pt x="12167" y="1551"/>
                  </a:lnTo>
                  <a:lnTo>
                    <a:pt x="12169" y="1543"/>
                  </a:lnTo>
                  <a:lnTo>
                    <a:pt x="12170" y="1533"/>
                  </a:lnTo>
                  <a:lnTo>
                    <a:pt x="12171" y="1525"/>
                  </a:lnTo>
                  <a:lnTo>
                    <a:pt x="12170" y="1516"/>
                  </a:lnTo>
                  <a:lnTo>
                    <a:pt x="12170" y="1507"/>
                  </a:lnTo>
                  <a:lnTo>
                    <a:pt x="12168" y="1499"/>
                  </a:lnTo>
                  <a:lnTo>
                    <a:pt x="12167" y="1492"/>
                  </a:lnTo>
                  <a:lnTo>
                    <a:pt x="12164" y="1484"/>
                  </a:lnTo>
                  <a:lnTo>
                    <a:pt x="12161" y="1477"/>
                  </a:lnTo>
                  <a:lnTo>
                    <a:pt x="12157" y="1470"/>
                  </a:lnTo>
                  <a:lnTo>
                    <a:pt x="12153" y="1464"/>
                  </a:lnTo>
                  <a:lnTo>
                    <a:pt x="12148" y="1457"/>
                  </a:lnTo>
                  <a:lnTo>
                    <a:pt x="12143" y="1452"/>
                  </a:lnTo>
                  <a:lnTo>
                    <a:pt x="12137" y="1446"/>
                  </a:lnTo>
                  <a:lnTo>
                    <a:pt x="12129" y="1441"/>
                  </a:lnTo>
                  <a:lnTo>
                    <a:pt x="12122" y="1436"/>
                  </a:lnTo>
                  <a:lnTo>
                    <a:pt x="12104" y="1425"/>
                  </a:lnTo>
                  <a:lnTo>
                    <a:pt x="12083" y="1416"/>
                  </a:lnTo>
                  <a:lnTo>
                    <a:pt x="12060" y="1406"/>
                  </a:lnTo>
                  <a:lnTo>
                    <a:pt x="12033" y="1397"/>
                  </a:lnTo>
                  <a:lnTo>
                    <a:pt x="12002" y="1388"/>
                  </a:lnTo>
                  <a:lnTo>
                    <a:pt x="11969" y="1378"/>
                  </a:lnTo>
                  <a:lnTo>
                    <a:pt x="11891" y="1357"/>
                  </a:lnTo>
                  <a:lnTo>
                    <a:pt x="11799" y="1333"/>
                  </a:lnTo>
                  <a:lnTo>
                    <a:pt x="11751" y="1321"/>
                  </a:lnTo>
                  <a:lnTo>
                    <a:pt x="11705" y="1307"/>
                  </a:lnTo>
                  <a:lnTo>
                    <a:pt x="11660" y="1294"/>
                  </a:lnTo>
                  <a:lnTo>
                    <a:pt x="11617" y="1278"/>
                  </a:lnTo>
                  <a:lnTo>
                    <a:pt x="11596" y="1270"/>
                  </a:lnTo>
                  <a:lnTo>
                    <a:pt x="11576" y="1262"/>
                  </a:lnTo>
                  <a:lnTo>
                    <a:pt x="11556" y="1252"/>
                  </a:lnTo>
                  <a:lnTo>
                    <a:pt x="11536" y="1243"/>
                  </a:lnTo>
                  <a:lnTo>
                    <a:pt x="11518" y="1234"/>
                  </a:lnTo>
                  <a:lnTo>
                    <a:pt x="11500" y="1223"/>
                  </a:lnTo>
                  <a:lnTo>
                    <a:pt x="11482" y="1212"/>
                  </a:lnTo>
                  <a:lnTo>
                    <a:pt x="11466" y="1200"/>
                  </a:lnTo>
                  <a:lnTo>
                    <a:pt x="11450" y="1189"/>
                  </a:lnTo>
                  <a:lnTo>
                    <a:pt x="11435" y="1176"/>
                  </a:lnTo>
                  <a:lnTo>
                    <a:pt x="11420" y="1163"/>
                  </a:lnTo>
                  <a:lnTo>
                    <a:pt x="11407" y="1148"/>
                  </a:lnTo>
                  <a:lnTo>
                    <a:pt x="11394" y="1134"/>
                  </a:lnTo>
                  <a:lnTo>
                    <a:pt x="11383" y="1119"/>
                  </a:lnTo>
                  <a:lnTo>
                    <a:pt x="11372" y="1102"/>
                  </a:lnTo>
                  <a:lnTo>
                    <a:pt x="11362" y="1086"/>
                  </a:lnTo>
                  <a:lnTo>
                    <a:pt x="11353" y="1067"/>
                  </a:lnTo>
                  <a:lnTo>
                    <a:pt x="11346" y="1049"/>
                  </a:lnTo>
                  <a:lnTo>
                    <a:pt x="11339" y="1029"/>
                  </a:lnTo>
                  <a:lnTo>
                    <a:pt x="11333" y="1009"/>
                  </a:lnTo>
                  <a:lnTo>
                    <a:pt x="11329" y="987"/>
                  </a:lnTo>
                  <a:lnTo>
                    <a:pt x="11326" y="965"/>
                  </a:lnTo>
                  <a:lnTo>
                    <a:pt x="11324" y="941"/>
                  </a:lnTo>
                  <a:lnTo>
                    <a:pt x="11324" y="917"/>
                  </a:lnTo>
                  <a:lnTo>
                    <a:pt x="11325" y="888"/>
                  </a:lnTo>
                  <a:lnTo>
                    <a:pt x="11327" y="861"/>
                  </a:lnTo>
                  <a:lnTo>
                    <a:pt x="11332" y="835"/>
                  </a:lnTo>
                  <a:lnTo>
                    <a:pt x="11339" y="809"/>
                  </a:lnTo>
                  <a:lnTo>
                    <a:pt x="11347" y="785"/>
                  </a:lnTo>
                  <a:lnTo>
                    <a:pt x="11356" y="762"/>
                  </a:lnTo>
                  <a:lnTo>
                    <a:pt x="11368" y="740"/>
                  </a:lnTo>
                  <a:lnTo>
                    <a:pt x="11380" y="719"/>
                  </a:lnTo>
                  <a:lnTo>
                    <a:pt x="11395" y="699"/>
                  </a:lnTo>
                  <a:lnTo>
                    <a:pt x="11411" y="682"/>
                  </a:lnTo>
                  <a:lnTo>
                    <a:pt x="11429" y="664"/>
                  </a:lnTo>
                  <a:lnTo>
                    <a:pt x="11446" y="647"/>
                  </a:lnTo>
                  <a:lnTo>
                    <a:pt x="11466" y="632"/>
                  </a:lnTo>
                  <a:lnTo>
                    <a:pt x="11487" y="617"/>
                  </a:lnTo>
                  <a:lnTo>
                    <a:pt x="11509" y="604"/>
                  </a:lnTo>
                  <a:lnTo>
                    <a:pt x="11532" y="591"/>
                  </a:lnTo>
                  <a:lnTo>
                    <a:pt x="11556" y="580"/>
                  </a:lnTo>
                  <a:lnTo>
                    <a:pt x="11582" y="568"/>
                  </a:lnTo>
                  <a:lnTo>
                    <a:pt x="11607" y="559"/>
                  </a:lnTo>
                  <a:lnTo>
                    <a:pt x="11634" y="549"/>
                  </a:lnTo>
                  <a:lnTo>
                    <a:pt x="11661" y="541"/>
                  </a:lnTo>
                  <a:lnTo>
                    <a:pt x="11688" y="534"/>
                  </a:lnTo>
                  <a:lnTo>
                    <a:pt x="11718" y="528"/>
                  </a:lnTo>
                  <a:lnTo>
                    <a:pt x="11747" y="521"/>
                  </a:lnTo>
                  <a:lnTo>
                    <a:pt x="11776" y="516"/>
                  </a:lnTo>
                  <a:lnTo>
                    <a:pt x="11806" y="512"/>
                  </a:lnTo>
                  <a:lnTo>
                    <a:pt x="11836" y="509"/>
                  </a:lnTo>
                  <a:lnTo>
                    <a:pt x="11867" y="506"/>
                  </a:lnTo>
                  <a:lnTo>
                    <a:pt x="11898" y="504"/>
                  </a:lnTo>
                  <a:lnTo>
                    <a:pt x="11929" y="502"/>
                  </a:lnTo>
                  <a:lnTo>
                    <a:pt x="11961" y="501"/>
                  </a:lnTo>
                  <a:lnTo>
                    <a:pt x="11992" y="501"/>
                  </a:lnTo>
                  <a:lnTo>
                    <a:pt x="12038" y="501"/>
                  </a:lnTo>
                  <a:lnTo>
                    <a:pt x="12083" y="502"/>
                  </a:lnTo>
                  <a:lnTo>
                    <a:pt x="12127" y="505"/>
                  </a:lnTo>
                  <a:lnTo>
                    <a:pt x="12170" y="507"/>
                  </a:lnTo>
                  <a:lnTo>
                    <a:pt x="12212" y="511"/>
                  </a:lnTo>
                  <a:lnTo>
                    <a:pt x="12253" y="515"/>
                  </a:lnTo>
                  <a:lnTo>
                    <a:pt x="12292" y="519"/>
                  </a:lnTo>
                  <a:lnTo>
                    <a:pt x="12330" y="524"/>
                  </a:lnTo>
                  <a:lnTo>
                    <a:pt x="12368" y="531"/>
                  </a:lnTo>
                  <a:lnTo>
                    <a:pt x="12405" y="537"/>
                  </a:lnTo>
                  <a:lnTo>
                    <a:pt x="12439" y="544"/>
                  </a:lnTo>
                  <a:lnTo>
                    <a:pt x="12474" y="552"/>
                  </a:lnTo>
                  <a:lnTo>
                    <a:pt x="12506" y="560"/>
                  </a:lnTo>
                  <a:lnTo>
                    <a:pt x="12539" y="567"/>
                  </a:lnTo>
                  <a:lnTo>
                    <a:pt x="12569" y="576"/>
                  </a:lnTo>
                  <a:lnTo>
                    <a:pt x="12599" y="585"/>
                  </a:lnTo>
                  <a:lnTo>
                    <a:pt x="12434" y="814"/>
                  </a:lnTo>
                  <a:lnTo>
                    <a:pt x="12397" y="804"/>
                  </a:lnTo>
                  <a:lnTo>
                    <a:pt x="12356" y="792"/>
                  </a:lnTo>
                  <a:lnTo>
                    <a:pt x="12312" y="781"/>
                  </a:lnTo>
                  <a:lnTo>
                    <a:pt x="12266" y="770"/>
                  </a:lnTo>
                  <a:lnTo>
                    <a:pt x="12217" y="762"/>
                  </a:lnTo>
                  <a:lnTo>
                    <a:pt x="12167" y="755"/>
                  </a:lnTo>
                  <a:lnTo>
                    <a:pt x="12141" y="753"/>
                  </a:lnTo>
                  <a:lnTo>
                    <a:pt x="12116" y="750"/>
                  </a:lnTo>
                  <a:lnTo>
                    <a:pt x="12089" y="748"/>
                  </a:lnTo>
                  <a:lnTo>
                    <a:pt x="12062" y="748"/>
                  </a:lnTo>
                  <a:lnTo>
                    <a:pt x="12028" y="748"/>
                  </a:lnTo>
                  <a:lnTo>
                    <a:pt x="11995" y="750"/>
                  </a:lnTo>
                  <a:lnTo>
                    <a:pt x="11964" y="753"/>
                  </a:lnTo>
                  <a:lnTo>
                    <a:pt x="11935" y="756"/>
                  </a:lnTo>
                  <a:lnTo>
                    <a:pt x="11908" y="760"/>
                  </a:lnTo>
                  <a:lnTo>
                    <a:pt x="11883" y="765"/>
                  </a:lnTo>
                  <a:lnTo>
                    <a:pt x="11860" y="772"/>
                  </a:lnTo>
                  <a:lnTo>
                    <a:pt x="11839" y="780"/>
                  </a:lnTo>
                  <a:lnTo>
                    <a:pt x="11820" y="788"/>
                  </a:lnTo>
                  <a:lnTo>
                    <a:pt x="11804" y="798"/>
                  </a:lnTo>
                  <a:lnTo>
                    <a:pt x="11796" y="804"/>
                  </a:lnTo>
                  <a:lnTo>
                    <a:pt x="11789" y="809"/>
                  </a:lnTo>
                  <a:lnTo>
                    <a:pt x="11784" y="815"/>
                  </a:lnTo>
                  <a:lnTo>
                    <a:pt x="11777" y="821"/>
                  </a:lnTo>
                  <a:lnTo>
                    <a:pt x="11773" y="829"/>
                  </a:lnTo>
                  <a:lnTo>
                    <a:pt x="11768" y="835"/>
                  </a:lnTo>
                  <a:lnTo>
                    <a:pt x="11765" y="842"/>
                  </a:lnTo>
                  <a:lnTo>
                    <a:pt x="11762" y="850"/>
                  </a:lnTo>
                  <a:lnTo>
                    <a:pt x="11760" y="858"/>
                  </a:lnTo>
                  <a:lnTo>
                    <a:pt x="11757" y="866"/>
                  </a:lnTo>
                  <a:lnTo>
                    <a:pt x="11756" y="875"/>
                  </a:lnTo>
                  <a:lnTo>
                    <a:pt x="11756" y="884"/>
                  </a:lnTo>
                  <a:lnTo>
                    <a:pt x="11756" y="893"/>
                  </a:lnTo>
                  <a:lnTo>
                    <a:pt x="11757" y="900"/>
                  </a:lnTo>
                  <a:lnTo>
                    <a:pt x="11760" y="909"/>
                  </a:lnTo>
                  <a:lnTo>
                    <a:pt x="11763" y="916"/>
                  </a:lnTo>
                  <a:lnTo>
                    <a:pt x="11766" y="923"/>
                  </a:lnTo>
                  <a:lnTo>
                    <a:pt x="11770" y="930"/>
                  </a:lnTo>
                  <a:lnTo>
                    <a:pt x="11774" y="937"/>
                  </a:lnTo>
                  <a:lnTo>
                    <a:pt x="11779" y="943"/>
                  </a:lnTo>
                  <a:lnTo>
                    <a:pt x="11786" y="948"/>
                  </a:lnTo>
                  <a:lnTo>
                    <a:pt x="11793" y="955"/>
                  </a:lnTo>
                  <a:lnTo>
                    <a:pt x="11800" y="960"/>
                  </a:lnTo>
                  <a:lnTo>
                    <a:pt x="11809" y="965"/>
                  </a:lnTo>
                  <a:lnTo>
                    <a:pt x="11827" y="975"/>
                  </a:lnTo>
                  <a:lnTo>
                    <a:pt x="11849" y="984"/>
                  </a:lnTo>
                  <a:lnTo>
                    <a:pt x="11872" y="993"/>
                  </a:lnTo>
                  <a:lnTo>
                    <a:pt x="11899" y="1001"/>
                  </a:lnTo>
                  <a:lnTo>
                    <a:pt x="11927" y="1010"/>
                  </a:lnTo>
                  <a:lnTo>
                    <a:pt x="11959" y="1018"/>
                  </a:lnTo>
                  <a:lnTo>
                    <a:pt x="12030" y="1035"/>
                  </a:lnTo>
                  <a:lnTo>
                    <a:pt x="12109" y="1052"/>
                  </a:lnTo>
                  <a:lnTo>
                    <a:pt x="12166" y="1066"/>
                  </a:lnTo>
                  <a:lnTo>
                    <a:pt x="12220" y="1080"/>
                  </a:lnTo>
                  <a:lnTo>
                    <a:pt x="12272" y="1096"/>
                  </a:lnTo>
                  <a:lnTo>
                    <a:pt x="12319" y="1113"/>
                  </a:lnTo>
                  <a:lnTo>
                    <a:pt x="12342" y="1122"/>
                  </a:lnTo>
                  <a:lnTo>
                    <a:pt x="12364" y="1132"/>
                  </a:lnTo>
                  <a:lnTo>
                    <a:pt x="12385" y="1142"/>
                  </a:lnTo>
                  <a:lnTo>
                    <a:pt x="12406" y="1152"/>
                  </a:lnTo>
                  <a:lnTo>
                    <a:pt x="12425" y="1163"/>
                  </a:lnTo>
                  <a:lnTo>
                    <a:pt x="12443" y="1174"/>
                  </a:lnTo>
                  <a:lnTo>
                    <a:pt x="12461" y="1187"/>
                  </a:lnTo>
                  <a:lnTo>
                    <a:pt x="12478" y="1199"/>
                  </a:lnTo>
                  <a:lnTo>
                    <a:pt x="12494" y="1212"/>
                  </a:lnTo>
                  <a:lnTo>
                    <a:pt x="12508" y="1225"/>
                  </a:lnTo>
                  <a:lnTo>
                    <a:pt x="12522" y="1240"/>
                  </a:lnTo>
                  <a:lnTo>
                    <a:pt x="12536" y="1254"/>
                  </a:lnTo>
                  <a:lnTo>
                    <a:pt x="12547" y="1270"/>
                  </a:lnTo>
                  <a:lnTo>
                    <a:pt x="12559" y="1287"/>
                  </a:lnTo>
                  <a:lnTo>
                    <a:pt x="12569" y="1303"/>
                  </a:lnTo>
                  <a:lnTo>
                    <a:pt x="12578" y="1321"/>
                  </a:lnTo>
                  <a:lnTo>
                    <a:pt x="12586" y="1340"/>
                  </a:lnTo>
                  <a:lnTo>
                    <a:pt x="12593" y="1358"/>
                  </a:lnTo>
                  <a:lnTo>
                    <a:pt x="12599" y="1379"/>
                  </a:lnTo>
                  <a:lnTo>
                    <a:pt x="12604" y="1400"/>
                  </a:lnTo>
                  <a:lnTo>
                    <a:pt x="12608" y="1422"/>
                  </a:lnTo>
                  <a:lnTo>
                    <a:pt x="12611" y="1444"/>
                  </a:lnTo>
                  <a:lnTo>
                    <a:pt x="12612" y="1468"/>
                  </a:lnTo>
                  <a:lnTo>
                    <a:pt x="12613" y="1492"/>
                  </a:lnTo>
                  <a:lnTo>
                    <a:pt x="12612" y="1522"/>
                  </a:lnTo>
                  <a:lnTo>
                    <a:pt x="12609" y="1550"/>
                  </a:lnTo>
                  <a:lnTo>
                    <a:pt x="12605" y="1577"/>
                  </a:lnTo>
                  <a:lnTo>
                    <a:pt x="12597" y="1603"/>
                  </a:lnTo>
                  <a:lnTo>
                    <a:pt x="12589" y="1628"/>
                  </a:lnTo>
                  <a:lnTo>
                    <a:pt x="12579" y="1652"/>
                  </a:lnTo>
                  <a:lnTo>
                    <a:pt x="12567" y="1675"/>
                  </a:lnTo>
                  <a:lnTo>
                    <a:pt x="12554" y="1696"/>
                  </a:lnTo>
                  <a:lnTo>
                    <a:pt x="12539" y="1717"/>
                  </a:lnTo>
                  <a:lnTo>
                    <a:pt x="12523" y="1735"/>
                  </a:lnTo>
                  <a:lnTo>
                    <a:pt x="12505" y="1754"/>
                  </a:lnTo>
                  <a:lnTo>
                    <a:pt x="12486" y="1771"/>
                  </a:lnTo>
                  <a:lnTo>
                    <a:pt x="12465" y="1786"/>
                  </a:lnTo>
                  <a:lnTo>
                    <a:pt x="12443" y="1802"/>
                  </a:lnTo>
                  <a:lnTo>
                    <a:pt x="12420" y="1816"/>
                  </a:lnTo>
                  <a:lnTo>
                    <a:pt x="12396" y="1829"/>
                  </a:lnTo>
                  <a:lnTo>
                    <a:pt x="12371" y="1842"/>
                  </a:lnTo>
                  <a:lnTo>
                    <a:pt x="12345" y="1852"/>
                  </a:lnTo>
                  <a:lnTo>
                    <a:pt x="12318" y="1862"/>
                  </a:lnTo>
                  <a:lnTo>
                    <a:pt x="12289" y="1872"/>
                  </a:lnTo>
                  <a:lnTo>
                    <a:pt x="12260" y="1880"/>
                  </a:lnTo>
                  <a:lnTo>
                    <a:pt x="12231" y="1888"/>
                  </a:lnTo>
                  <a:lnTo>
                    <a:pt x="12199" y="1895"/>
                  </a:lnTo>
                  <a:lnTo>
                    <a:pt x="12168" y="1901"/>
                  </a:lnTo>
                  <a:lnTo>
                    <a:pt x="12137" y="1906"/>
                  </a:lnTo>
                  <a:lnTo>
                    <a:pt x="12103" y="1911"/>
                  </a:lnTo>
                  <a:lnTo>
                    <a:pt x="12071" y="1914"/>
                  </a:lnTo>
                  <a:lnTo>
                    <a:pt x="12037" y="1918"/>
                  </a:lnTo>
                  <a:lnTo>
                    <a:pt x="12002" y="1921"/>
                  </a:lnTo>
                  <a:lnTo>
                    <a:pt x="11968" y="1922"/>
                  </a:lnTo>
                  <a:lnTo>
                    <a:pt x="11933" y="1923"/>
                  </a:lnTo>
                  <a:lnTo>
                    <a:pt x="11898" y="1923"/>
                  </a:lnTo>
                  <a:close/>
                  <a:moveTo>
                    <a:pt x="10637" y="1891"/>
                  </a:moveTo>
                  <a:lnTo>
                    <a:pt x="10637" y="1735"/>
                  </a:lnTo>
                  <a:lnTo>
                    <a:pt x="10618" y="1753"/>
                  </a:lnTo>
                  <a:lnTo>
                    <a:pt x="10598" y="1771"/>
                  </a:lnTo>
                  <a:lnTo>
                    <a:pt x="10575" y="1787"/>
                  </a:lnTo>
                  <a:lnTo>
                    <a:pt x="10551" y="1804"/>
                  </a:lnTo>
                  <a:lnTo>
                    <a:pt x="10524" y="1821"/>
                  </a:lnTo>
                  <a:lnTo>
                    <a:pt x="10496" y="1836"/>
                  </a:lnTo>
                  <a:lnTo>
                    <a:pt x="10465" y="1851"/>
                  </a:lnTo>
                  <a:lnTo>
                    <a:pt x="10433" y="1864"/>
                  </a:lnTo>
                  <a:lnTo>
                    <a:pt x="10398" y="1877"/>
                  </a:lnTo>
                  <a:lnTo>
                    <a:pt x="10363" y="1888"/>
                  </a:lnTo>
                  <a:lnTo>
                    <a:pt x="10324" y="1899"/>
                  </a:lnTo>
                  <a:lnTo>
                    <a:pt x="10284" y="1907"/>
                  </a:lnTo>
                  <a:lnTo>
                    <a:pt x="10242" y="1913"/>
                  </a:lnTo>
                  <a:lnTo>
                    <a:pt x="10198" y="1919"/>
                  </a:lnTo>
                  <a:lnTo>
                    <a:pt x="10176" y="1921"/>
                  </a:lnTo>
                  <a:lnTo>
                    <a:pt x="10153" y="1922"/>
                  </a:lnTo>
                  <a:lnTo>
                    <a:pt x="10129" y="1923"/>
                  </a:lnTo>
                  <a:lnTo>
                    <a:pt x="10105" y="1923"/>
                  </a:lnTo>
                  <a:lnTo>
                    <a:pt x="10058" y="1922"/>
                  </a:lnTo>
                  <a:lnTo>
                    <a:pt x="10014" y="1919"/>
                  </a:lnTo>
                  <a:lnTo>
                    <a:pt x="9970" y="1913"/>
                  </a:lnTo>
                  <a:lnTo>
                    <a:pt x="9929" y="1906"/>
                  </a:lnTo>
                  <a:lnTo>
                    <a:pt x="9889" y="1898"/>
                  </a:lnTo>
                  <a:lnTo>
                    <a:pt x="9852" y="1886"/>
                  </a:lnTo>
                  <a:lnTo>
                    <a:pt x="9815" y="1874"/>
                  </a:lnTo>
                  <a:lnTo>
                    <a:pt x="9780" y="1859"/>
                  </a:lnTo>
                  <a:lnTo>
                    <a:pt x="9747" y="1844"/>
                  </a:lnTo>
                  <a:lnTo>
                    <a:pt x="9716" y="1826"/>
                  </a:lnTo>
                  <a:lnTo>
                    <a:pt x="9686" y="1807"/>
                  </a:lnTo>
                  <a:lnTo>
                    <a:pt x="9658" y="1787"/>
                  </a:lnTo>
                  <a:lnTo>
                    <a:pt x="9632" y="1766"/>
                  </a:lnTo>
                  <a:lnTo>
                    <a:pt x="9607" y="1743"/>
                  </a:lnTo>
                  <a:lnTo>
                    <a:pt x="9583" y="1719"/>
                  </a:lnTo>
                  <a:lnTo>
                    <a:pt x="9561" y="1695"/>
                  </a:lnTo>
                  <a:lnTo>
                    <a:pt x="9541" y="1669"/>
                  </a:lnTo>
                  <a:lnTo>
                    <a:pt x="9522" y="1642"/>
                  </a:lnTo>
                  <a:lnTo>
                    <a:pt x="9504" y="1615"/>
                  </a:lnTo>
                  <a:lnTo>
                    <a:pt x="9488" y="1587"/>
                  </a:lnTo>
                  <a:lnTo>
                    <a:pt x="9474" y="1557"/>
                  </a:lnTo>
                  <a:lnTo>
                    <a:pt x="9460" y="1527"/>
                  </a:lnTo>
                  <a:lnTo>
                    <a:pt x="9448" y="1498"/>
                  </a:lnTo>
                  <a:lnTo>
                    <a:pt x="9438" y="1467"/>
                  </a:lnTo>
                  <a:lnTo>
                    <a:pt x="9429" y="1437"/>
                  </a:lnTo>
                  <a:lnTo>
                    <a:pt x="9420" y="1405"/>
                  </a:lnTo>
                  <a:lnTo>
                    <a:pt x="9414" y="1374"/>
                  </a:lnTo>
                  <a:lnTo>
                    <a:pt x="9409" y="1342"/>
                  </a:lnTo>
                  <a:lnTo>
                    <a:pt x="9404" y="1311"/>
                  </a:lnTo>
                  <a:lnTo>
                    <a:pt x="9401" y="1279"/>
                  </a:lnTo>
                  <a:lnTo>
                    <a:pt x="9399" y="1248"/>
                  </a:lnTo>
                  <a:lnTo>
                    <a:pt x="9399" y="1216"/>
                  </a:lnTo>
                  <a:lnTo>
                    <a:pt x="9399" y="1179"/>
                  </a:lnTo>
                  <a:lnTo>
                    <a:pt x="9401" y="1144"/>
                  </a:lnTo>
                  <a:lnTo>
                    <a:pt x="9405" y="1109"/>
                  </a:lnTo>
                  <a:lnTo>
                    <a:pt x="9410" y="1073"/>
                  </a:lnTo>
                  <a:lnTo>
                    <a:pt x="9416" y="1039"/>
                  </a:lnTo>
                  <a:lnTo>
                    <a:pt x="9423" y="1006"/>
                  </a:lnTo>
                  <a:lnTo>
                    <a:pt x="9432" y="973"/>
                  </a:lnTo>
                  <a:lnTo>
                    <a:pt x="9442" y="941"/>
                  </a:lnTo>
                  <a:lnTo>
                    <a:pt x="9454" y="910"/>
                  </a:lnTo>
                  <a:lnTo>
                    <a:pt x="9467" y="880"/>
                  </a:lnTo>
                  <a:lnTo>
                    <a:pt x="9481" y="849"/>
                  </a:lnTo>
                  <a:lnTo>
                    <a:pt x="9497" y="821"/>
                  </a:lnTo>
                  <a:lnTo>
                    <a:pt x="9513" y="793"/>
                  </a:lnTo>
                  <a:lnTo>
                    <a:pt x="9532" y="766"/>
                  </a:lnTo>
                  <a:lnTo>
                    <a:pt x="9552" y="741"/>
                  </a:lnTo>
                  <a:lnTo>
                    <a:pt x="9573" y="716"/>
                  </a:lnTo>
                  <a:lnTo>
                    <a:pt x="9596" y="693"/>
                  </a:lnTo>
                  <a:lnTo>
                    <a:pt x="9619" y="670"/>
                  </a:lnTo>
                  <a:lnTo>
                    <a:pt x="9645" y="649"/>
                  </a:lnTo>
                  <a:lnTo>
                    <a:pt x="9671" y="630"/>
                  </a:lnTo>
                  <a:lnTo>
                    <a:pt x="9700" y="611"/>
                  </a:lnTo>
                  <a:lnTo>
                    <a:pt x="9729" y="593"/>
                  </a:lnTo>
                  <a:lnTo>
                    <a:pt x="9759" y="578"/>
                  </a:lnTo>
                  <a:lnTo>
                    <a:pt x="9792" y="563"/>
                  </a:lnTo>
                  <a:lnTo>
                    <a:pt x="9825" y="549"/>
                  </a:lnTo>
                  <a:lnTo>
                    <a:pt x="9861" y="538"/>
                  </a:lnTo>
                  <a:lnTo>
                    <a:pt x="9898" y="528"/>
                  </a:lnTo>
                  <a:lnTo>
                    <a:pt x="9935" y="519"/>
                  </a:lnTo>
                  <a:lnTo>
                    <a:pt x="9974" y="512"/>
                  </a:lnTo>
                  <a:lnTo>
                    <a:pt x="10015" y="507"/>
                  </a:lnTo>
                  <a:lnTo>
                    <a:pt x="10057" y="503"/>
                  </a:lnTo>
                  <a:lnTo>
                    <a:pt x="10101" y="501"/>
                  </a:lnTo>
                  <a:lnTo>
                    <a:pt x="10145" y="500"/>
                  </a:lnTo>
                  <a:lnTo>
                    <a:pt x="10188" y="501"/>
                  </a:lnTo>
                  <a:lnTo>
                    <a:pt x="10230" y="505"/>
                  </a:lnTo>
                  <a:lnTo>
                    <a:pt x="10269" y="509"/>
                  </a:lnTo>
                  <a:lnTo>
                    <a:pt x="10308" y="516"/>
                  </a:lnTo>
                  <a:lnTo>
                    <a:pt x="10345" y="524"/>
                  </a:lnTo>
                  <a:lnTo>
                    <a:pt x="10379" y="534"/>
                  </a:lnTo>
                  <a:lnTo>
                    <a:pt x="10414" y="545"/>
                  </a:lnTo>
                  <a:lnTo>
                    <a:pt x="10445" y="558"/>
                  </a:lnTo>
                  <a:lnTo>
                    <a:pt x="10475" y="571"/>
                  </a:lnTo>
                  <a:lnTo>
                    <a:pt x="10503" y="586"/>
                  </a:lnTo>
                  <a:lnTo>
                    <a:pt x="10529" y="602"/>
                  </a:lnTo>
                  <a:lnTo>
                    <a:pt x="10553" y="618"/>
                  </a:lnTo>
                  <a:lnTo>
                    <a:pt x="10575" y="636"/>
                  </a:lnTo>
                  <a:lnTo>
                    <a:pt x="10595" y="655"/>
                  </a:lnTo>
                  <a:lnTo>
                    <a:pt x="10614" y="673"/>
                  </a:lnTo>
                  <a:lnTo>
                    <a:pt x="10614" y="0"/>
                  </a:lnTo>
                  <a:lnTo>
                    <a:pt x="11052" y="0"/>
                  </a:lnTo>
                  <a:lnTo>
                    <a:pt x="11052" y="1891"/>
                  </a:lnTo>
                  <a:lnTo>
                    <a:pt x="10637" y="1891"/>
                  </a:lnTo>
                  <a:close/>
                  <a:moveTo>
                    <a:pt x="10232" y="795"/>
                  </a:moveTo>
                  <a:lnTo>
                    <a:pt x="10209" y="796"/>
                  </a:lnTo>
                  <a:lnTo>
                    <a:pt x="10186" y="797"/>
                  </a:lnTo>
                  <a:lnTo>
                    <a:pt x="10164" y="800"/>
                  </a:lnTo>
                  <a:lnTo>
                    <a:pt x="10143" y="805"/>
                  </a:lnTo>
                  <a:lnTo>
                    <a:pt x="10123" y="809"/>
                  </a:lnTo>
                  <a:lnTo>
                    <a:pt x="10103" y="815"/>
                  </a:lnTo>
                  <a:lnTo>
                    <a:pt x="10084" y="822"/>
                  </a:lnTo>
                  <a:lnTo>
                    <a:pt x="10066" y="830"/>
                  </a:lnTo>
                  <a:lnTo>
                    <a:pt x="10048" y="839"/>
                  </a:lnTo>
                  <a:lnTo>
                    <a:pt x="10032" y="848"/>
                  </a:lnTo>
                  <a:lnTo>
                    <a:pt x="10016" y="859"/>
                  </a:lnTo>
                  <a:lnTo>
                    <a:pt x="10001" y="870"/>
                  </a:lnTo>
                  <a:lnTo>
                    <a:pt x="9987" y="882"/>
                  </a:lnTo>
                  <a:lnTo>
                    <a:pt x="9973" y="894"/>
                  </a:lnTo>
                  <a:lnTo>
                    <a:pt x="9960" y="908"/>
                  </a:lnTo>
                  <a:lnTo>
                    <a:pt x="9949" y="921"/>
                  </a:lnTo>
                  <a:lnTo>
                    <a:pt x="9937" y="936"/>
                  </a:lnTo>
                  <a:lnTo>
                    <a:pt x="9927" y="951"/>
                  </a:lnTo>
                  <a:lnTo>
                    <a:pt x="9916" y="967"/>
                  </a:lnTo>
                  <a:lnTo>
                    <a:pt x="9908" y="983"/>
                  </a:lnTo>
                  <a:lnTo>
                    <a:pt x="9900" y="1000"/>
                  </a:lnTo>
                  <a:lnTo>
                    <a:pt x="9891" y="1017"/>
                  </a:lnTo>
                  <a:lnTo>
                    <a:pt x="9885" y="1035"/>
                  </a:lnTo>
                  <a:lnTo>
                    <a:pt x="9879" y="1052"/>
                  </a:lnTo>
                  <a:lnTo>
                    <a:pt x="9874" y="1070"/>
                  </a:lnTo>
                  <a:lnTo>
                    <a:pt x="9868" y="1089"/>
                  </a:lnTo>
                  <a:lnTo>
                    <a:pt x="9864" y="1107"/>
                  </a:lnTo>
                  <a:lnTo>
                    <a:pt x="9861" y="1125"/>
                  </a:lnTo>
                  <a:lnTo>
                    <a:pt x="9859" y="1145"/>
                  </a:lnTo>
                  <a:lnTo>
                    <a:pt x="9857" y="1164"/>
                  </a:lnTo>
                  <a:lnTo>
                    <a:pt x="9856" y="1184"/>
                  </a:lnTo>
                  <a:lnTo>
                    <a:pt x="9856" y="1202"/>
                  </a:lnTo>
                  <a:lnTo>
                    <a:pt x="9856" y="1224"/>
                  </a:lnTo>
                  <a:lnTo>
                    <a:pt x="9857" y="1245"/>
                  </a:lnTo>
                  <a:lnTo>
                    <a:pt x="9858" y="1266"/>
                  </a:lnTo>
                  <a:lnTo>
                    <a:pt x="9860" y="1287"/>
                  </a:lnTo>
                  <a:lnTo>
                    <a:pt x="9863" y="1307"/>
                  </a:lnTo>
                  <a:lnTo>
                    <a:pt x="9866" y="1327"/>
                  </a:lnTo>
                  <a:lnTo>
                    <a:pt x="9870" y="1347"/>
                  </a:lnTo>
                  <a:lnTo>
                    <a:pt x="9876" y="1367"/>
                  </a:lnTo>
                  <a:lnTo>
                    <a:pt x="9881" y="1386"/>
                  </a:lnTo>
                  <a:lnTo>
                    <a:pt x="9887" y="1404"/>
                  </a:lnTo>
                  <a:lnTo>
                    <a:pt x="9895" y="1422"/>
                  </a:lnTo>
                  <a:lnTo>
                    <a:pt x="9902" y="1440"/>
                  </a:lnTo>
                  <a:lnTo>
                    <a:pt x="9910" y="1456"/>
                  </a:lnTo>
                  <a:lnTo>
                    <a:pt x="9920" y="1473"/>
                  </a:lnTo>
                  <a:lnTo>
                    <a:pt x="9929" y="1489"/>
                  </a:lnTo>
                  <a:lnTo>
                    <a:pt x="9941" y="1503"/>
                  </a:lnTo>
                  <a:lnTo>
                    <a:pt x="9952" y="1518"/>
                  </a:lnTo>
                  <a:lnTo>
                    <a:pt x="9965" y="1532"/>
                  </a:lnTo>
                  <a:lnTo>
                    <a:pt x="9978" y="1545"/>
                  </a:lnTo>
                  <a:lnTo>
                    <a:pt x="9992" y="1557"/>
                  </a:lnTo>
                  <a:lnTo>
                    <a:pt x="10008" y="1569"/>
                  </a:lnTo>
                  <a:lnTo>
                    <a:pt x="10023" y="1579"/>
                  </a:lnTo>
                  <a:lnTo>
                    <a:pt x="10040" y="1589"/>
                  </a:lnTo>
                  <a:lnTo>
                    <a:pt x="10058" y="1598"/>
                  </a:lnTo>
                  <a:lnTo>
                    <a:pt x="10077" y="1606"/>
                  </a:lnTo>
                  <a:lnTo>
                    <a:pt x="10097" y="1613"/>
                  </a:lnTo>
                  <a:lnTo>
                    <a:pt x="10118" y="1619"/>
                  </a:lnTo>
                  <a:lnTo>
                    <a:pt x="10140" y="1624"/>
                  </a:lnTo>
                  <a:lnTo>
                    <a:pt x="10163" y="1628"/>
                  </a:lnTo>
                  <a:lnTo>
                    <a:pt x="10186" y="1630"/>
                  </a:lnTo>
                  <a:lnTo>
                    <a:pt x="10211" y="1632"/>
                  </a:lnTo>
                  <a:lnTo>
                    <a:pt x="10237" y="1633"/>
                  </a:lnTo>
                  <a:lnTo>
                    <a:pt x="10260" y="1632"/>
                  </a:lnTo>
                  <a:lnTo>
                    <a:pt x="10282" y="1630"/>
                  </a:lnTo>
                  <a:lnTo>
                    <a:pt x="10304" y="1628"/>
                  </a:lnTo>
                  <a:lnTo>
                    <a:pt x="10325" y="1624"/>
                  </a:lnTo>
                  <a:lnTo>
                    <a:pt x="10345" y="1619"/>
                  </a:lnTo>
                  <a:lnTo>
                    <a:pt x="10365" y="1613"/>
                  </a:lnTo>
                  <a:lnTo>
                    <a:pt x="10384" y="1606"/>
                  </a:lnTo>
                  <a:lnTo>
                    <a:pt x="10401" y="1598"/>
                  </a:lnTo>
                  <a:lnTo>
                    <a:pt x="10419" y="1590"/>
                  </a:lnTo>
                  <a:lnTo>
                    <a:pt x="10436" y="1579"/>
                  </a:lnTo>
                  <a:lnTo>
                    <a:pt x="10452" y="1569"/>
                  </a:lnTo>
                  <a:lnTo>
                    <a:pt x="10467" y="1557"/>
                  </a:lnTo>
                  <a:lnTo>
                    <a:pt x="10482" y="1546"/>
                  </a:lnTo>
                  <a:lnTo>
                    <a:pt x="10496" y="1532"/>
                  </a:lnTo>
                  <a:lnTo>
                    <a:pt x="10508" y="1519"/>
                  </a:lnTo>
                  <a:lnTo>
                    <a:pt x="10521" y="1504"/>
                  </a:lnTo>
                  <a:lnTo>
                    <a:pt x="10532" y="1490"/>
                  </a:lnTo>
                  <a:lnTo>
                    <a:pt x="10544" y="1474"/>
                  </a:lnTo>
                  <a:lnTo>
                    <a:pt x="10554" y="1458"/>
                  </a:lnTo>
                  <a:lnTo>
                    <a:pt x="10564" y="1442"/>
                  </a:lnTo>
                  <a:lnTo>
                    <a:pt x="10572" y="1424"/>
                  </a:lnTo>
                  <a:lnTo>
                    <a:pt x="10580" y="1407"/>
                  </a:lnTo>
                  <a:lnTo>
                    <a:pt x="10587" y="1389"/>
                  </a:lnTo>
                  <a:lnTo>
                    <a:pt x="10594" y="1370"/>
                  </a:lnTo>
                  <a:lnTo>
                    <a:pt x="10599" y="1351"/>
                  </a:lnTo>
                  <a:lnTo>
                    <a:pt x="10604" y="1332"/>
                  </a:lnTo>
                  <a:lnTo>
                    <a:pt x="10609" y="1313"/>
                  </a:lnTo>
                  <a:lnTo>
                    <a:pt x="10612" y="1293"/>
                  </a:lnTo>
                  <a:lnTo>
                    <a:pt x="10615" y="1273"/>
                  </a:lnTo>
                  <a:lnTo>
                    <a:pt x="10617" y="1252"/>
                  </a:lnTo>
                  <a:lnTo>
                    <a:pt x="10618" y="1232"/>
                  </a:lnTo>
                  <a:lnTo>
                    <a:pt x="10618" y="1212"/>
                  </a:lnTo>
                  <a:lnTo>
                    <a:pt x="10618" y="1193"/>
                  </a:lnTo>
                  <a:lnTo>
                    <a:pt x="10617" y="1174"/>
                  </a:lnTo>
                  <a:lnTo>
                    <a:pt x="10615" y="1156"/>
                  </a:lnTo>
                  <a:lnTo>
                    <a:pt x="10613" y="1138"/>
                  </a:lnTo>
                  <a:lnTo>
                    <a:pt x="10610" y="1119"/>
                  </a:lnTo>
                  <a:lnTo>
                    <a:pt x="10606" y="1100"/>
                  </a:lnTo>
                  <a:lnTo>
                    <a:pt x="10601" y="1082"/>
                  </a:lnTo>
                  <a:lnTo>
                    <a:pt x="10596" y="1064"/>
                  </a:lnTo>
                  <a:lnTo>
                    <a:pt x="10590" y="1046"/>
                  </a:lnTo>
                  <a:lnTo>
                    <a:pt x="10584" y="1028"/>
                  </a:lnTo>
                  <a:lnTo>
                    <a:pt x="10576" y="1011"/>
                  </a:lnTo>
                  <a:lnTo>
                    <a:pt x="10568" y="993"/>
                  </a:lnTo>
                  <a:lnTo>
                    <a:pt x="10559" y="976"/>
                  </a:lnTo>
                  <a:lnTo>
                    <a:pt x="10549" y="961"/>
                  </a:lnTo>
                  <a:lnTo>
                    <a:pt x="10539" y="945"/>
                  </a:lnTo>
                  <a:lnTo>
                    <a:pt x="10528" y="930"/>
                  </a:lnTo>
                  <a:lnTo>
                    <a:pt x="10515" y="915"/>
                  </a:lnTo>
                  <a:lnTo>
                    <a:pt x="10503" y="901"/>
                  </a:lnTo>
                  <a:lnTo>
                    <a:pt x="10488" y="888"/>
                  </a:lnTo>
                  <a:lnTo>
                    <a:pt x="10475" y="875"/>
                  </a:lnTo>
                  <a:lnTo>
                    <a:pt x="10459" y="863"/>
                  </a:lnTo>
                  <a:lnTo>
                    <a:pt x="10442" y="852"/>
                  </a:lnTo>
                  <a:lnTo>
                    <a:pt x="10425" y="842"/>
                  </a:lnTo>
                  <a:lnTo>
                    <a:pt x="10408" y="833"/>
                  </a:lnTo>
                  <a:lnTo>
                    <a:pt x="10389" y="824"/>
                  </a:lnTo>
                  <a:lnTo>
                    <a:pt x="10369" y="817"/>
                  </a:lnTo>
                  <a:lnTo>
                    <a:pt x="10348" y="811"/>
                  </a:lnTo>
                  <a:lnTo>
                    <a:pt x="10327" y="805"/>
                  </a:lnTo>
                  <a:lnTo>
                    <a:pt x="10305" y="800"/>
                  </a:lnTo>
                  <a:lnTo>
                    <a:pt x="10281" y="797"/>
                  </a:lnTo>
                  <a:lnTo>
                    <a:pt x="10257" y="796"/>
                  </a:lnTo>
                  <a:lnTo>
                    <a:pt x="10232" y="795"/>
                  </a:lnTo>
                  <a:close/>
                  <a:moveTo>
                    <a:pt x="8754" y="1891"/>
                  </a:moveTo>
                  <a:lnTo>
                    <a:pt x="8754" y="1253"/>
                  </a:lnTo>
                  <a:lnTo>
                    <a:pt x="8754" y="1206"/>
                  </a:lnTo>
                  <a:lnTo>
                    <a:pt x="8753" y="1161"/>
                  </a:lnTo>
                  <a:lnTo>
                    <a:pt x="8751" y="1116"/>
                  </a:lnTo>
                  <a:lnTo>
                    <a:pt x="8748" y="1073"/>
                  </a:lnTo>
                  <a:lnTo>
                    <a:pt x="8746" y="1053"/>
                  </a:lnTo>
                  <a:lnTo>
                    <a:pt x="8743" y="1034"/>
                  </a:lnTo>
                  <a:lnTo>
                    <a:pt x="8739" y="1014"/>
                  </a:lnTo>
                  <a:lnTo>
                    <a:pt x="8735" y="996"/>
                  </a:lnTo>
                  <a:lnTo>
                    <a:pt x="8730" y="977"/>
                  </a:lnTo>
                  <a:lnTo>
                    <a:pt x="8724" y="961"/>
                  </a:lnTo>
                  <a:lnTo>
                    <a:pt x="8717" y="944"/>
                  </a:lnTo>
                  <a:lnTo>
                    <a:pt x="8710" y="928"/>
                  </a:lnTo>
                  <a:lnTo>
                    <a:pt x="8703" y="913"/>
                  </a:lnTo>
                  <a:lnTo>
                    <a:pt x="8693" y="898"/>
                  </a:lnTo>
                  <a:lnTo>
                    <a:pt x="8683" y="885"/>
                  </a:lnTo>
                  <a:lnTo>
                    <a:pt x="8671" y="872"/>
                  </a:lnTo>
                  <a:lnTo>
                    <a:pt x="8660" y="861"/>
                  </a:lnTo>
                  <a:lnTo>
                    <a:pt x="8646" y="849"/>
                  </a:lnTo>
                  <a:lnTo>
                    <a:pt x="8631" y="840"/>
                  </a:lnTo>
                  <a:lnTo>
                    <a:pt x="8615" y="831"/>
                  </a:lnTo>
                  <a:lnTo>
                    <a:pt x="8598" y="822"/>
                  </a:lnTo>
                  <a:lnTo>
                    <a:pt x="8579" y="816"/>
                  </a:lnTo>
                  <a:lnTo>
                    <a:pt x="8558" y="810"/>
                  </a:lnTo>
                  <a:lnTo>
                    <a:pt x="8536" y="805"/>
                  </a:lnTo>
                  <a:lnTo>
                    <a:pt x="8513" y="800"/>
                  </a:lnTo>
                  <a:lnTo>
                    <a:pt x="8488" y="797"/>
                  </a:lnTo>
                  <a:lnTo>
                    <a:pt x="8462" y="796"/>
                  </a:lnTo>
                  <a:lnTo>
                    <a:pt x="8434" y="795"/>
                  </a:lnTo>
                  <a:lnTo>
                    <a:pt x="8412" y="796"/>
                  </a:lnTo>
                  <a:lnTo>
                    <a:pt x="8389" y="797"/>
                  </a:lnTo>
                  <a:lnTo>
                    <a:pt x="8366" y="800"/>
                  </a:lnTo>
                  <a:lnTo>
                    <a:pt x="8343" y="805"/>
                  </a:lnTo>
                  <a:lnTo>
                    <a:pt x="8318" y="810"/>
                  </a:lnTo>
                  <a:lnTo>
                    <a:pt x="8295" y="816"/>
                  </a:lnTo>
                  <a:lnTo>
                    <a:pt x="8271" y="824"/>
                  </a:lnTo>
                  <a:lnTo>
                    <a:pt x="8248" y="834"/>
                  </a:lnTo>
                  <a:lnTo>
                    <a:pt x="8224" y="844"/>
                  </a:lnTo>
                  <a:lnTo>
                    <a:pt x="8202" y="856"/>
                  </a:lnTo>
                  <a:lnTo>
                    <a:pt x="8179" y="869"/>
                  </a:lnTo>
                  <a:lnTo>
                    <a:pt x="8157" y="884"/>
                  </a:lnTo>
                  <a:lnTo>
                    <a:pt x="8135" y="900"/>
                  </a:lnTo>
                  <a:lnTo>
                    <a:pt x="8115" y="918"/>
                  </a:lnTo>
                  <a:lnTo>
                    <a:pt x="8095" y="938"/>
                  </a:lnTo>
                  <a:lnTo>
                    <a:pt x="8077" y="959"/>
                  </a:lnTo>
                  <a:lnTo>
                    <a:pt x="8077" y="1891"/>
                  </a:lnTo>
                  <a:lnTo>
                    <a:pt x="7643" y="1891"/>
                  </a:lnTo>
                  <a:lnTo>
                    <a:pt x="7643" y="529"/>
                  </a:lnTo>
                  <a:lnTo>
                    <a:pt x="8077" y="529"/>
                  </a:lnTo>
                  <a:lnTo>
                    <a:pt x="8077" y="668"/>
                  </a:lnTo>
                  <a:lnTo>
                    <a:pt x="8098" y="650"/>
                  </a:lnTo>
                  <a:lnTo>
                    <a:pt x="8121" y="634"/>
                  </a:lnTo>
                  <a:lnTo>
                    <a:pt x="8145" y="617"/>
                  </a:lnTo>
                  <a:lnTo>
                    <a:pt x="8172" y="602"/>
                  </a:lnTo>
                  <a:lnTo>
                    <a:pt x="8199" y="586"/>
                  </a:lnTo>
                  <a:lnTo>
                    <a:pt x="8228" y="572"/>
                  </a:lnTo>
                  <a:lnTo>
                    <a:pt x="8259" y="560"/>
                  </a:lnTo>
                  <a:lnTo>
                    <a:pt x="8290" y="547"/>
                  </a:lnTo>
                  <a:lnTo>
                    <a:pt x="8323" y="537"/>
                  </a:lnTo>
                  <a:lnTo>
                    <a:pt x="8356" y="528"/>
                  </a:lnTo>
                  <a:lnTo>
                    <a:pt x="8390" y="519"/>
                  </a:lnTo>
                  <a:lnTo>
                    <a:pt x="8425" y="513"/>
                  </a:lnTo>
                  <a:lnTo>
                    <a:pt x="8461" y="508"/>
                  </a:lnTo>
                  <a:lnTo>
                    <a:pt x="8497" y="504"/>
                  </a:lnTo>
                  <a:lnTo>
                    <a:pt x="8533" y="502"/>
                  </a:lnTo>
                  <a:lnTo>
                    <a:pt x="8571" y="501"/>
                  </a:lnTo>
                  <a:lnTo>
                    <a:pt x="8620" y="502"/>
                  </a:lnTo>
                  <a:lnTo>
                    <a:pt x="8666" y="504"/>
                  </a:lnTo>
                  <a:lnTo>
                    <a:pt x="8711" y="509"/>
                  </a:lnTo>
                  <a:lnTo>
                    <a:pt x="8752" y="514"/>
                  </a:lnTo>
                  <a:lnTo>
                    <a:pt x="8792" y="522"/>
                  </a:lnTo>
                  <a:lnTo>
                    <a:pt x="8828" y="532"/>
                  </a:lnTo>
                  <a:lnTo>
                    <a:pt x="8863" y="542"/>
                  </a:lnTo>
                  <a:lnTo>
                    <a:pt x="8895" y="554"/>
                  </a:lnTo>
                  <a:lnTo>
                    <a:pt x="8926" y="567"/>
                  </a:lnTo>
                  <a:lnTo>
                    <a:pt x="8954" y="583"/>
                  </a:lnTo>
                  <a:lnTo>
                    <a:pt x="8980" y="598"/>
                  </a:lnTo>
                  <a:lnTo>
                    <a:pt x="9004" y="615"/>
                  </a:lnTo>
                  <a:lnTo>
                    <a:pt x="9027" y="634"/>
                  </a:lnTo>
                  <a:lnTo>
                    <a:pt x="9048" y="653"/>
                  </a:lnTo>
                  <a:lnTo>
                    <a:pt x="9067" y="673"/>
                  </a:lnTo>
                  <a:lnTo>
                    <a:pt x="9084" y="694"/>
                  </a:lnTo>
                  <a:lnTo>
                    <a:pt x="9100" y="717"/>
                  </a:lnTo>
                  <a:lnTo>
                    <a:pt x="9114" y="740"/>
                  </a:lnTo>
                  <a:lnTo>
                    <a:pt x="9127" y="764"/>
                  </a:lnTo>
                  <a:lnTo>
                    <a:pt x="9137" y="788"/>
                  </a:lnTo>
                  <a:lnTo>
                    <a:pt x="9148" y="813"/>
                  </a:lnTo>
                  <a:lnTo>
                    <a:pt x="9156" y="839"/>
                  </a:lnTo>
                  <a:lnTo>
                    <a:pt x="9165" y="865"/>
                  </a:lnTo>
                  <a:lnTo>
                    <a:pt x="9171" y="891"/>
                  </a:lnTo>
                  <a:lnTo>
                    <a:pt x="9176" y="918"/>
                  </a:lnTo>
                  <a:lnTo>
                    <a:pt x="9180" y="946"/>
                  </a:lnTo>
                  <a:lnTo>
                    <a:pt x="9185" y="973"/>
                  </a:lnTo>
                  <a:lnTo>
                    <a:pt x="9188" y="1001"/>
                  </a:lnTo>
                  <a:lnTo>
                    <a:pt x="9190" y="1029"/>
                  </a:lnTo>
                  <a:lnTo>
                    <a:pt x="9191" y="1058"/>
                  </a:lnTo>
                  <a:lnTo>
                    <a:pt x="9192" y="1086"/>
                  </a:lnTo>
                  <a:lnTo>
                    <a:pt x="9192" y="1114"/>
                  </a:lnTo>
                  <a:lnTo>
                    <a:pt x="9192" y="1891"/>
                  </a:lnTo>
                  <a:lnTo>
                    <a:pt x="8754" y="1891"/>
                  </a:lnTo>
                  <a:close/>
                  <a:moveTo>
                    <a:pt x="6881" y="1891"/>
                  </a:moveTo>
                  <a:lnTo>
                    <a:pt x="6881" y="1750"/>
                  </a:lnTo>
                  <a:lnTo>
                    <a:pt x="6860" y="1768"/>
                  </a:lnTo>
                  <a:lnTo>
                    <a:pt x="6837" y="1785"/>
                  </a:lnTo>
                  <a:lnTo>
                    <a:pt x="6812" y="1802"/>
                  </a:lnTo>
                  <a:lnTo>
                    <a:pt x="6785" y="1818"/>
                  </a:lnTo>
                  <a:lnTo>
                    <a:pt x="6758" y="1832"/>
                  </a:lnTo>
                  <a:lnTo>
                    <a:pt x="6729" y="1847"/>
                  </a:lnTo>
                  <a:lnTo>
                    <a:pt x="6698" y="1859"/>
                  </a:lnTo>
                  <a:lnTo>
                    <a:pt x="6667" y="1871"/>
                  </a:lnTo>
                  <a:lnTo>
                    <a:pt x="6635" y="1881"/>
                  </a:lnTo>
                  <a:lnTo>
                    <a:pt x="6601" y="1891"/>
                  </a:lnTo>
                  <a:lnTo>
                    <a:pt x="6567" y="1899"/>
                  </a:lnTo>
                  <a:lnTo>
                    <a:pt x="6532" y="1906"/>
                  </a:lnTo>
                  <a:lnTo>
                    <a:pt x="6496" y="1911"/>
                  </a:lnTo>
                  <a:lnTo>
                    <a:pt x="6460" y="1916"/>
                  </a:lnTo>
                  <a:lnTo>
                    <a:pt x="6423" y="1918"/>
                  </a:lnTo>
                  <a:lnTo>
                    <a:pt x="6386" y="1919"/>
                  </a:lnTo>
                  <a:lnTo>
                    <a:pt x="6337" y="1918"/>
                  </a:lnTo>
                  <a:lnTo>
                    <a:pt x="6290" y="1914"/>
                  </a:lnTo>
                  <a:lnTo>
                    <a:pt x="6246" y="1910"/>
                  </a:lnTo>
                  <a:lnTo>
                    <a:pt x="6204" y="1904"/>
                  </a:lnTo>
                  <a:lnTo>
                    <a:pt x="6165" y="1897"/>
                  </a:lnTo>
                  <a:lnTo>
                    <a:pt x="6129" y="1887"/>
                  </a:lnTo>
                  <a:lnTo>
                    <a:pt x="6094" y="1877"/>
                  </a:lnTo>
                  <a:lnTo>
                    <a:pt x="6062" y="1864"/>
                  </a:lnTo>
                  <a:lnTo>
                    <a:pt x="6031" y="1851"/>
                  </a:lnTo>
                  <a:lnTo>
                    <a:pt x="6003" y="1836"/>
                  </a:lnTo>
                  <a:lnTo>
                    <a:pt x="5978" y="1821"/>
                  </a:lnTo>
                  <a:lnTo>
                    <a:pt x="5954" y="1803"/>
                  </a:lnTo>
                  <a:lnTo>
                    <a:pt x="5931" y="1785"/>
                  </a:lnTo>
                  <a:lnTo>
                    <a:pt x="5911" y="1766"/>
                  </a:lnTo>
                  <a:lnTo>
                    <a:pt x="5892" y="1746"/>
                  </a:lnTo>
                  <a:lnTo>
                    <a:pt x="5875" y="1724"/>
                  </a:lnTo>
                  <a:lnTo>
                    <a:pt x="5860" y="1702"/>
                  </a:lnTo>
                  <a:lnTo>
                    <a:pt x="5846" y="1679"/>
                  </a:lnTo>
                  <a:lnTo>
                    <a:pt x="5834" y="1655"/>
                  </a:lnTo>
                  <a:lnTo>
                    <a:pt x="5822" y="1631"/>
                  </a:lnTo>
                  <a:lnTo>
                    <a:pt x="5813" y="1606"/>
                  </a:lnTo>
                  <a:lnTo>
                    <a:pt x="5804" y="1580"/>
                  </a:lnTo>
                  <a:lnTo>
                    <a:pt x="5797" y="1554"/>
                  </a:lnTo>
                  <a:lnTo>
                    <a:pt x="5791" y="1527"/>
                  </a:lnTo>
                  <a:lnTo>
                    <a:pt x="5784" y="1500"/>
                  </a:lnTo>
                  <a:lnTo>
                    <a:pt x="5780" y="1473"/>
                  </a:lnTo>
                  <a:lnTo>
                    <a:pt x="5777" y="1446"/>
                  </a:lnTo>
                  <a:lnTo>
                    <a:pt x="5774" y="1418"/>
                  </a:lnTo>
                  <a:lnTo>
                    <a:pt x="5772" y="1390"/>
                  </a:lnTo>
                  <a:lnTo>
                    <a:pt x="5771" y="1362"/>
                  </a:lnTo>
                  <a:lnTo>
                    <a:pt x="5771" y="1333"/>
                  </a:lnTo>
                  <a:lnTo>
                    <a:pt x="5770" y="1305"/>
                  </a:lnTo>
                  <a:lnTo>
                    <a:pt x="5770" y="529"/>
                  </a:lnTo>
                  <a:lnTo>
                    <a:pt x="6207" y="529"/>
                  </a:lnTo>
                  <a:lnTo>
                    <a:pt x="6207" y="1165"/>
                  </a:lnTo>
                  <a:lnTo>
                    <a:pt x="6207" y="1213"/>
                  </a:lnTo>
                  <a:lnTo>
                    <a:pt x="6208" y="1259"/>
                  </a:lnTo>
                  <a:lnTo>
                    <a:pt x="6209" y="1303"/>
                  </a:lnTo>
                  <a:lnTo>
                    <a:pt x="6213" y="1345"/>
                  </a:lnTo>
                  <a:lnTo>
                    <a:pt x="6215" y="1366"/>
                  </a:lnTo>
                  <a:lnTo>
                    <a:pt x="6217" y="1386"/>
                  </a:lnTo>
                  <a:lnTo>
                    <a:pt x="6220" y="1404"/>
                  </a:lnTo>
                  <a:lnTo>
                    <a:pt x="6224" y="1423"/>
                  </a:lnTo>
                  <a:lnTo>
                    <a:pt x="6228" y="1441"/>
                  </a:lnTo>
                  <a:lnTo>
                    <a:pt x="6234" y="1458"/>
                  </a:lnTo>
                  <a:lnTo>
                    <a:pt x="6240" y="1475"/>
                  </a:lnTo>
                  <a:lnTo>
                    <a:pt x="6247" y="1491"/>
                  </a:lnTo>
                  <a:lnTo>
                    <a:pt x="6254" y="1506"/>
                  </a:lnTo>
                  <a:lnTo>
                    <a:pt x="6264" y="1520"/>
                  </a:lnTo>
                  <a:lnTo>
                    <a:pt x="6273" y="1533"/>
                  </a:lnTo>
                  <a:lnTo>
                    <a:pt x="6285" y="1546"/>
                  </a:lnTo>
                  <a:lnTo>
                    <a:pt x="6296" y="1558"/>
                  </a:lnTo>
                  <a:lnTo>
                    <a:pt x="6310" y="1569"/>
                  </a:lnTo>
                  <a:lnTo>
                    <a:pt x="6325" y="1579"/>
                  </a:lnTo>
                  <a:lnTo>
                    <a:pt x="6340" y="1589"/>
                  </a:lnTo>
                  <a:lnTo>
                    <a:pt x="6358" y="1596"/>
                  </a:lnTo>
                  <a:lnTo>
                    <a:pt x="6377" y="1603"/>
                  </a:lnTo>
                  <a:lnTo>
                    <a:pt x="6397" y="1609"/>
                  </a:lnTo>
                  <a:lnTo>
                    <a:pt x="6419" y="1615"/>
                  </a:lnTo>
                  <a:lnTo>
                    <a:pt x="6442" y="1619"/>
                  </a:lnTo>
                  <a:lnTo>
                    <a:pt x="6467" y="1621"/>
                  </a:lnTo>
                  <a:lnTo>
                    <a:pt x="6494" y="1623"/>
                  </a:lnTo>
                  <a:lnTo>
                    <a:pt x="6523" y="1624"/>
                  </a:lnTo>
                  <a:lnTo>
                    <a:pt x="6546" y="1623"/>
                  </a:lnTo>
                  <a:lnTo>
                    <a:pt x="6568" y="1621"/>
                  </a:lnTo>
                  <a:lnTo>
                    <a:pt x="6592" y="1619"/>
                  </a:lnTo>
                  <a:lnTo>
                    <a:pt x="6615" y="1615"/>
                  </a:lnTo>
                  <a:lnTo>
                    <a:pt x="6638" y="1609"/>
                  </a:lnTo>
                  <a:lnTo>
                    <a:pt x="6662" y="1602"/>
                  </a:lnTo>
                  <a:lnTo>
                    <a:pt x="6686" y="1595"/>
                  </a:lnTo>
                  <a:lnTo>
                    <a:pt x="6709" y="1585"/>
                  </a:lnTo>
                  <a:lnTo>
                    <a:pt x="6732" y="1575"/>
                  </a:lnTo>
                  <a:lnTo>
                    <a:pt x="6755" y="1563"/>
                  </a:lnTo>
                  <a:lnTo>
                    <a:pt x="6777" y="1549"/>
                  </a:lnTo>
                  <a:lnTo>
                    <a:pt x="6800" y="1534"/>
                  </a:lnTo>
                  <a:lnTo>
                    <a:pt x="6821" y="1518"/>
                  </a:lnTo>
                  <a:lnTo>
                    <a:pt x="6842" y="1500"/>
                  </a:lnTo>
                  <a:lnTo>
                    <a:pt x="6862" y="1480"/>
                  </a:lnTo>
                  <a:lnTo>
                    <a:pt x="6881" y="1459"/>
                  </a:lnTo>
                  <a:lnTo>
                    <a:pt x="6881" y="529"/>
                  </a:lnTo>
                  <a:lnTo>
                    <a:pt x="7318" y="529"/>
                  </a:lnTo>
                  <a:lnTo>
                    <a:pt x="7318" y="1891"/>
                  </a:lnTo>
                  <a:lnTo>
                    <a:pt x="6881" y="1891"/>
                  </a:lnTo>
                  <a:close/>
                  <a:moveTo>
                    <a:pt x="4650" y="407"/>
                  </a:moveTo>
                  <a:lnTo>
                    <a:pt x="4650" y="838"/>
                  </a:lnTo>
                  <a:lnTo>
                    <a:pt x="5530" y="838"/>
                  </a:lnTo>
                  <a:lnTo>
                    <a:pt x="5530" y="1127"/>
                  </a:lnTo>
                  <a:lnTo>
                    <a:pt x="4650" y="1127"/>
                  </a:lnTo>
                  <a:lnTo>
                    <a:pt x="4650" y="1891"/>
                  </a:lnTo>
                  <a:lnTo>
                    <a:pt x="4128" y="1891"/>
                  </a:lnTo>
                  <a:lnTo>
                    <a:pt x="4128" y="131"/>
                  </a:lnTo>
                  <a:lnTo>
                    <a:pt x="5573" y="131"/>
                  </a:lnTo>
                  <a:lnTo>
                    <a:pt x="5573" y="407"/>
                  </a:lnTo>
                  <a:lnTo>
                    <a:pt x="4650" y="407"/>
                  </a:lnTo>
                  <a:close/>
                  <a:moveTo>
                    <a:pt x="2164" y="407"/>
                  </a:moveTo>
                  <a:lnTo>
                    <a:pt x="2164" y="838"/>
                  </a:lnTo>
                  <a:lnTo>
                    <a:pt x="3045" y="838"/>
                  </a:lnTo>
                  <a:lnTo>
                    <a:pt x="3045" y="1127"/>
                  </a:lnTo>
                  <a:lnTo>
                    <a:pt x="2164" y="1127"/>
                  </a:lnTo>
                  <a:lnTo>
                    <a:pt x="2164" y="1891"/>
                  </a:lnTo>
                  <a:lnTo>
                    <a:pt x="1642" y="1891"/>
                  </a:lnTo>
                  <a:lnTo>
                    <a:pt x="1642" y="131"/>
                  </a:lnTo>
                  <a:lnTo>
                    <a:pt x="3087" y="131"/>
                  </a:lnTo>
                  <a:lnTo>
                    <a:pt x="3087" y="407"/>
                  </a:lnTo>
                  <a:lnTo>
                    <a:pt x="2164" y="407"/>
                  </a:lnTo>
                  <a:close/>
                </a:path>
              </a:pathLst>
            </a:custGeom>
            <a:solidFill>
              <a:srgbClr val="1F1A17"/>
            </a:solidFill>
            <a:ln w="9525">
              <a:noFill/>
              <a:round/>
              <a:headEnd/>
              <a:tailEnd/>
            </a:ln>
          </p:spPr>
          <p:txBody>
            <a:bodyPr/>
            <a:lstStyle/>
            <a:p>
              <a:pPr algn="ctr" eaLnBrk="0" hangingPunct="0">
                <a:spcBef>
                  <a:spcPct val="50000"/>
                </a:spcBef>
                <a:defRPr/>
              </a:pPr>
              <a:endParaRPr lang="en-US" dirty="0"/>
            </a:p>
          </p:txBody>
        </p:sp>
        <p:sp>
          <p:nvSpPr>
            <p:cNvPr id="15" name="Freeform 20" hidden="1"/>
            <p:cNvSpPr>
              <a:spLocks noEditPoints="1"/>
            </p:cNvSpPr>
            <p:nvPr/>
          </p:nvSpPr>
          <p:spPr bwMode="gray">
            <a:xfrm>
              <a:off x="-1239" y="4520"/>
              <a:ext cx="209" cy="209"/>
            </a:xfrm>
            <a:custGeom>
              <a:avLst/>
              <a:gdLst/>
              <a:ahLst/>
              <a:cxnLst>
                <a:cxn ang="0">
                  <a:pos x="585" y="1258"/>
                </a:cxn>
                <a:cxn ang="0">
                  <a:pos x="657" y="1199"/>
                </a:cxn>
                <a:cxn ang="0">
                  <a:pos x="683" y="1109"/>
                </a:cxn>
                <a:cxn ang="0">
                  <a:pos x="532" y="387"/>
                </a:cxn>
                <a:cxn ang="0">
                  <a:pos x="371" y="550"/>
                </a:cxn>
                <a:cxn ang="0">
                  <a:pos x="235" y="733"/>
                </a:cxn>
                <a:cxn ang="0">
                  <a:pos x="127" y="936"/>
                </a:cxn>
                <a:cxn ang="0">
                  <a:pos x="49" y="1155"/>
                </a:cxn>
                <a:cxn ang="0">
                  <a:pos x="1722" y="3128"/>
                </a:cxn>
                <a:cxn ang="0">
                  <a:pos x="2151" y="3025"/>
                </a:cxn>
                <a:cxn ang="0">
                  <a:pos x="2525" y="2814"/>
                </a:cxn>
                <a:cxn ang="0">
                  <a:pos x="2826" y="2513"/>
                </a:cxn>
                <a:cxn ang="0">
                  <a:pos x="3037" y="2140"/>
                </a:cxn>
                <a:cxn ang="0">
                  <a:pos x="3138" y="1713"/>
                </a:cxn>
                <a:cxn ang="0">
                  <a:pos x="1490" y="1731"/>
                </a:cxn>
                <a:cxn ang="0">
                  <a:pos x="1424" y="1798"/>
                </a:cxn>
                <a:cxn ang="0">
                  <a:pos x="1406" y="3127"/>
                </a:cxn>
                <a:cxn ang="0">
                  <a:pos x="1528" y="3134"/>
                </a:cxn>
                <a:cxn ang="0">
                  <a:pos x="1252" y="789"/>
                </a:cxn>
                <a:cxn ang="0">
                  <a:pos x="1170" y="834"/>
                </a:cxn>
                <a:cxn ang="0">
                  <a:pos x="1127" y="915"/>
                </a:cxn>
                <a:cxn ang="0">
                  <a:pos x="1117" y="2545"/>
                </a:cxn>
                <a:cxn ang="0">
                  <a:pos x="1063" y="2622"/>
                </a:cxn>
                <a:cxn ang="0">
                  <a:pos x="979" y="2656"/>
                </a:cxn>
                <a:cxn ang="0">
                  <a:pos x="523" y="2738"/>
                </a:cxn>
                <a:cxn ang="0">
                  <a:pos x="662" y="2849"/>
                </a:cxn>
                <a:cxn ang="0">
                  <a:pos x="814" y="2942"/>
                </a:cxn>
                <a:cxn ang="0">
                  <a:pos x="977" y="3019"/>
                </a:cxn>
                <a:cxn ang="0">
                  <a:pos x="1149" y="3078"/>
                </a:cxn>
                <a:cxn ang="0">
                  <a:pos x="1269" y="1413"/>
                </a:cxn>
                <a:cxn ang="0">
                  <a:pos x="1306" y="1330"/>
                </a:cxn>
                <a:cxn ang="0">
                  <a:pos x="1383" y="1275"/>
                </a:cxn>
                <a:cxn ang="0">
                  <a:pos x="3103" y="1205"/>
                </a:cxn>
                <a:cxn ang="0">
                  <a:pos x="3045" y="1018"/>
                </a:cxn>
                <a:cxn ang="0">
                  <a:pos x="2966" y="842"/>
                </a:cxn>
                <a:cxn ang="0">
                  <a:pos x="1420" y="7"/>
                </a:cxn>
                <a:cxn ang="0">
                  <a:pos x="1134" y="60"/>
                </a:cxn>
                <a:cxn ang="0">
                  <a:pos x="869" y="163"/>
                </a:cxn>
                <a:cxn ang="0">
                  <a:pos x="815" y="1616"/>
                </a:cxn>
                <a:cxn ang="0">
                  <a:pos x="754" y="1687"/>
                </a:cxn>
                <a:cxn ang="0">
                  <a:pos x="666" y="1713"/>
                </a:cxn>
                <a:cxn ang="0">
                  <a:pos x="24" y="1876"/>
                </a:cxn>
                <a:cxn ang="0">
                  <a:pos x="74" y="2064"/>
                </a:cxn>
                <a:cxn ang="0">
                  <a:pos x="812" y="2214"/>
                </a:cxn>
                <a:cxn ang="0">
                  <a:pos x="902" y="2188"/>
                </a:cxn>
                <a:cxn ang="0">
                  <a:pos x="960" y="2116"/>
                </a:cxn>
                <a:cxn ang="0">
                  <a:pos x="973" y="487"/>
                </a:cxn>
                <a:cxn ang="0">
                  <a:pos x="1009" y="403"/>
                </a:cxn>
                <a:cxn ang="0">
                  <a:pos x="1087" y="350"/>
                </a:cxn>
                <a:cxn ang="0">
                  <a:pos x="2501" y="304"/>
                </a:cxn>
                <a:cxn ang="0">
                  <a:pos x="2336" y="199"/>
                </a:cxn>
                <a:cxn ang="0">
                  <a:pos x="2160" y="115"/>
                </a:cxn>
                <a:cxn ang="0">
                  <a:pos x="1972" y="52"/>
                </a:cxn>
                <a:cxn ang="0">
                  <a:pos x="1775" y="14"/>
                </a:cxn>
                <a:cxn ang="0">
                  <a:pos x="1570" y="0"/>
                </a:cxn>
              </a:cxnLst>
              <a:rect l="0" t="0" r="r" b="b"/>
              <a:pathLst>
                <a:path w="3138" h="3135">
                  <a:moveTo>
                    <a:pt x="22" y="1269"/>
                  </a:moveTo>
                  <a:lnTo>
                    <a:pt x="523" y="1269"/>
                  </a:lnTo>
                  <a:lnTo>
                    <a:pt x="539" y="1268"/>
                  </a:lnTo>
                  <a:lnTo>
                    <a:pt x="555" y="1266"/>
                  </a:lnTo>
                  <a:lnTo>
                    <a:pt x="571" y="1263"/>
                  </a:lnTo>
                  <a:lnTo>
                    <a:pt x="585" y="1258"/>
                  </a:lnTo>
                  <a:lnTo>
                    <a:pt x="599" y="1252"/>
                  </a:lnTo>
                  <a:lnTo>
                    <a:pt x="613" y="1243"/>
                  </a:lnTo>
                  <a:lnTo>
                    <a:pt x="625" y="1234"/>
                  </a:lnTo>
                  <a:lnTo>
                    <a:pt x="637" y="1223"/>
                  </a:lnTo>
                  <a:lnTo>
                    <a:pt x="647" y="1212"/>
                  </a:lnTo>
                  <a:lnTo>
                    <a:pt x="657" y="1199"/>
                  </a:lnTo>
                  <a:lnTo>
                    <a:pt x="665" y="1186"/>
                  </a:lnTo>
                  <a:lnTo>
                    <a:pt x="671" y="1171"/>
                  </a:lnTo>
                  <a:lnTo>
                    <a:pt x="676" y="1157"/>
                  </a:lnTo>
                  <a:lnTo>
                    <a:pt x="681" y="1142"/>
                  </a:lnTo>
                  <a:lnTo>
                    <a:pt x="683" y="1126"/>
                  </a:lnTo>
                  <a:lnTo>
                    <a:pt x="683" y="1109"/>
                  </a:lnTo>
                  <a:lnTo>
                    <a:pt x="683" y="272"/>
                  </a:lnTo>
                  <a:lnTo>
                    <a:pt x="651" y="294"/>
                  </a:lnTo>
                  <a:lnTo>
                    <a:pt x="621" y="315"/>
                  </a:lnTo>
                  <a:lnTo>
                    <a:pt x="591" y="339"/>
                  </a:lnTo>
                  <a:lnTo>
                    <a:pt x="561" y="363"/>
                  </a:lnTo>
                  <a:lnTo>
                    <a:pt x="532" y="387"/>
                  </a:lnTo>
                  <a:lnTo>
                    <a:pt x="504" y="413"/>
                  </a:lnTo>
                  <a:lnTo>
                    <a:pt x="475" y="439"/>
                  </a:lnTo>
                  <a:lnTo>
                    <a:pt x="448" y="465"/>
                  </a:lnTo>
                  <a:lnTo>
                    <a:pt x="422" y="492"/>
                  </a:lnTo>
                  <a:lnTo>
                    <a:pt x="396" y="521"/>
                  </a:lnTo>
                  <a:lnTo>
                    <a:pt x="371" y="550"/>
                  </a:lnTo>
                  <a:lnTo>
                    <a:pt x="347" y="579"/>
                  </a:lnTo>
                  <a:lnTo>
                    <a:pt x="323" y="608"/>
                  </a:lnTo>
                  <a:lnTo>
                    <a:pt x="299" y="638"/>
                  </a:lnTo>
                  <a:lnTo>
                    <a:pt x="278" y="669"/>
                  </a:lnTo>
                  <a:lnTo>
                    <a:pt x="256" y="701"/>
                  </a:lnTo>
                  <a:lnTo>
                    <a:pt x="235" y="733"/>
                  </a:lnTo>
                  <a:lnTo>
                    <a:pt x="215" y="765"/>
                  </a:lnTo>
                  <a:lnTo>
                    <a:pt x="196" y="799"/>
                  </a:lnTo>
                  <a:lnTo>
                    <a:pt x="177" y="832"/>
                  </a:lnTo>
                  <a:lnTo>
                    <a:pt x="159" y="866"/>
                  </a:lnTo>
                  <a:lnTo>
                    <a:pt x="142" y="901"/>
                  </a:lnTo>
                  <a:lnTo>
                    <a:pt x="127" y="936"/>
                  </a:lnTo>
                  <a:lnTo>
                    <a:pt x="112" y="971"/>
                  </a:lnTo>
                  <a:lnTo>
                    <a:pt x="97" y="1007"/>
                  </a:lnTo>
                  <a:lnTo>
                    <a:pt x="84" y="1043"/>
                  </a:lnTo>
                  <a:lnTo>
                    <a:pt x="71" y="1080"/>
                  </a:lnTo>
                  <a:lnTo>
                    <a:pt x="60" y="1117"/>
                  </a:lnTo>
                  <a:lnTo>
                    <a:pt x="49" y="1155"/>
                  </a:lnTo>
                  <a:lnTo>
                    <a:pt x="39" y="1192"/>
                  </a:lnTo>
                  <a:lnTo>
                    <a:pt x="30" y="1231"/>
                  </a:lnTo>
                  <a:lnTo>
                    <a:pt x="22" y="1269"/>
                  </a:lnTo>
                  <a:close/>
                  <a:moveTo>
                    <a:pt x="1570" y="3135"/>
                  </a:moveTo>
                  <a:lnTo>
                    <a:pt x="1646" y="3133"/>
                  </a:lnTo>
                  <a:lnTo>
                    <a:pt x="1722" y="3128"/>
                  </a:lnTo>
                  <a:lnTo>
                    <a:pt x="1796" y="3119"/>
                  </a:lnTo>
                  <a:lnTo>
                    <a:pt x="1869" y="3107"/>
                  </a:lnTo>
                  <a:lnTo>
                    <a:pt x="1941" y="3091"/>
                  </a:lnTo>
                  <a:lnTo>
                    <a:pt x="2013" y="3073"/>
                  </a:lnTo>
                  <a:lnTo>
                    <a:pt x="2083" y="3050"/>
                  </a:lnTo>
                  <a:lnTo>
                    <a:pt x="2151" y="3025"/>
                  </a:lnTo>
                  <a:lnTo>
                    <a:pt x="2217" y="2997"/>
                  </a:lnTo>
                  <a:lnTo>
                    <a:pt x="2282" y="2966"/>
                  </a:lnTo>
                  <a:lnTo>
                    <a:pt x="2346" y="2932"/>
                  </a:lnTo>
                  <a:lnTo>
                    <a:pt x="2407" y="2896"/>
                  </a:lnTo>
                  <a:lnTo>
                    <a:pt x="2467" y="2856"/>
                  </a:lnTo>
                  <a:lnTo>
                    <a:pt x="2525" y="2814"/>
                  </a:lnTo>
                  <a:lnTo>
                    <a:pt x="2580" y="2770"/>
                  </a:lnTo>
                  <a:lnTo>
                    <a:pt x="2635" y="2723"/>
                  </a:lnTo>
                  <a:lnTo>
                    <a:pt x="2686" y="2674"/>
                  </a:lnTo>
                  <a:lnTo>
                    <a:pt x="2735" y="2623"/>
                  </a:lnTo>
                  <a:lnTo>
                    <a:pt x="2781" y="2569"/>
                  </a:lnTo>
                  <a:lnTo>
                    <a:pt x="2826" y="2513"/>
                  </a:lnTo>
                  <a:lnTo>
                    <a:pt x="2868" y="2455"/>
                  </a:lnTo>
                  <a:lnTo>
                    <a:pt x="2907" y="2396"/>
                  </a:lnTo>
                  <a:lnTo>
                    <a:pt x="2944" y="2334"/>
                  </a:lnTo>
                  <a:lnTo>
                    <a:pt x="2978" y="2271"/>
                  </a:lnTo>
                  <a:lnTo>
                    <a:pt x="3009" y="2206"/>
                  </a:lnTo>
                  <a:lnTo>
                    <a:pt x="3037" y="2140"/>
                  </a:lnTo>
                  <a:lnTo>
                    <a:pt x="3062" y="2072"/>
                  </a:lnTo>
                  <a:lnTo>
                    <a:pt x="3084" y="2002"/>
                  </a:lnTo>
                  <a:lnTo>
                    <a:pt x="3102" y="1931"/>
                  </a:lnTo>
                  <a:lnTo>
                    <a:pt x="3117" y="1860"/>
                  </a:lnTo>
                  <a:lnTo>
                    <a:pt x="3130" y="1787"/>
                  </a:lnTo>
                  <a:lnTo>
                    <a:pt x="3138" y="1713"/>
                  </a:lnTo>
                  <a:lnTo>
                    <a:pt x="1568" y="1713"/>
                  </a:lnTo>
                  <a:lnTo>
                    <a:pt x="1551" y="1713"/>
                  </a:lnTo>
                  <a:lnTo>
                    <a:pt x="1534" y="1716"/>
                  </a:lnTo>
                  <a:lnTo>
                    <a:pt x="1519" y="1719"/>
                  </a:lnTo>
                  <a:lnTo>
                    <a:pt x="1504" y="1724"/>
                  </a:lnTo>
                  <a:lnTo>
                    <a:pt x="1490" y="1731"/>
                  </a:lnTo>
                  <a:lnTo>
                    <a:pt x="1477" y="1740"/>
                  </a:lnTo>
                  <a:lnTo>
                    <a:pt x="1464" y="1749"/>
                  </a:lnTo>
                  <a:lnTo>
                    <a:pt x="1452" y="1761"/>
                  </a:lnTo>
                  <a:lnTo>
                    <a:pt x="1442" y="1772"/>
                  </a:lnTo>
                  <a:lnTo>
                    <a:pt x="1433" y="1786"/>
                  </a:lnTo>
                  <a:lnTo>
                    <a:pt x="1424" y="1798"/>
                  </a:lnTo>
                  <a:lnTo>
                    <a:pt x="1418" y="1813"/>
                  </a:lnTo>
                  <a:lnTo>
                    <a:pt x="1413" y="1826"/>
                  </a:lnTo>
                  <a:lnTo>
                    <a:pt x="1410" y="1842"/>
                  </a:lnTo>
                  <a:lnTo>
                    <a:pt x="1407" y="1856"/>
                  </a:lnTo>
                  <a:lnTo>
                    <a:pt x="1406" y="1872"/>
                  </a:lnTo>
                  <a:lnTo>
                    <a:pt x="1406" y="3127"/>
                  </a:lnTo>
                  <a:lnTo>
                    <a:pt x="1426" y="3129"/>
                  </a:lnTo>
                  <a:lnTo>
                    <a:pt x="1447" y="3131"/>
                  </a:lnTo>
                  <a:lnTo>
                    <a:pt x="1467" y="3132"/>
                  </a:lnTo>
                  <a:lnTo>
                    <a:pt x="1487" y="3133"/>
                  </a:lnTo>
                  <a:lnTo>
                    <a:pt x="1508" y="3134"/>
                  </a:lnTo>
                  <a:lnTo>
                    <a:pt x="1528" y="3134"/>
                  </a:lnTo>
                  <a:lnTo>
                    <a:pt x="1549" y="3135"/>
                  </a:lnTo>
                  <a:lnTo>
                    <a:pt x="1570" y="3135"/>
                  </a:lnTo>
                  <a:close/>
                  <a:moveTo>
                    <a:pt x="2935" y="786"/>
                  </a:moveTo>
                  <a:lnTo>
                    <a:pt x="1285" y="786"/>
                  </a:lnTo>
                  <a:lnTo>
                    <a:pt x="1268" y="787"/>
                  </a:lnTo>
                  <a:lnTo>
                    <a:pt x="1252" y="789"/>
                  </a:lnTo>
                  <a:lnTo>
                    <a:pt x="1237" y="793"/>
                  </a:lnTo>
                  <a:lnTo>
                    <a:pt x="1222" y="799"/>
                  </a:lnTo>
                  <a:lnTo>
                    <a:pt x="1207" y="805"/>
                  </a:lnTo>
                  <a:lnTo>
                    <a:pt x="1195" y="813"/>
                  </a:lnTo>
                  <a:lnTo>
                    <a:pt x="1181" y="824"/>
                  </a:lnTo>
                  <a:lnTo>
                    <a:pt x="1170" y="834"/>
                  </a:lnTo>
                  <a:lnTo>
                    <a:pt x="1159" y="846"/>
                  </a:lnTo>
                  <a:lnTo>
                    <a:pt x="1150" y="859"/>
                  </a:lnTo>
                  <a:lnTo>
                    <a:pt x="1142" y="873"/>
                  </a:lnTo>
                  <a:lnTo>
                    <a:pt x="1135" y="886"/>
                  </a:lnTo>
                  <a:lnTo>
                    <a:pt x="1131" y="901"/>
                  </a:lnTo>
                  <a:lnTo>
                    <a:pt x="1127" y="915"/>
                  </a:lnTo>
                  <a:lnTo>
                    <a:pt x="1125" y="931"/>
                  </a:lnTo>
                  <a:lnTo>
                    <a:pt x="1125" y="946"/>
                  </a:lnTo>
                  <a:lnTo>
                    <a:pt x="1125" y="2497"/>
                  </a:lnTo>
                  <a:lnTo>
                    <a:pt x="1124" y="2513"/>
                  </a:lnTo>
                  <a:lnTo>
                    <a:pt x="1122" y="2529"/>
                  </a:lnTo>
                  <a:lnTo>
                    <a:pt x="1117" y="2545"/>
                  </a:lnTo>
                  <a:lnTo>
                    <a:pt x="1112" y="2559"/>
                  </a:lnTo>
                  <a:lnTo>
                    <a:pt x="1105" y="2574"/>
                  </a:lnTo>
                  <a:lnTo>
                    <a:pt x="1096" y="2586"/>
                  </a:lnTo>
                  <a:lnTo>
                    <a:pt x="1087" y="2599"/>
                  </a:lnTo>
                  <a:lnTo>
                    <a:pt x="1075" y="2611"/>
                  </a:lnTo>
                  <a:lnTo>
                    <a:pt x="1063" y="2622"/>
                  </a:lnTo>
                  <a:lnTo>
                    <a:pt x="1050" y="2631"/>
                  </a:lnTo>
                  <a:lnTo>
                    <a:pt x="1037" y="2638"/>
                  </a:lnTo>
                  <a:lnTo>
                    <a:pt x="1023" y="2646"/>
                  </a:lnTo>
                  <a:lnTo>
                    <a:pt x="1008" y="2650"/>
                  </a:lnTo>
                  <a:lnTo>
                    <a:pt x="994" y="2654"/>
                  </a:lnTo>
                  <a:lnTo>
                    <a:pt x="979" y="2656"/>
                  </a:lnTo>
                  <a:lnTo>
                    <a:pt x="963" y="2656"/>
                  </a:lnTo>
                  <a:lnTo>
                    <a:pt x="437" y="2656"/>
                  </a:lnTo>
                  <a:lnTo>
                    <a:pt x="458" y="2678"/>
                  </a:lnTo>
                  <a:lnTo>
                    <a:pt x="479" y="2699"/>
                  </a:lnTo>
                  <a:lnTo>
                    <a:pt x="501" y="2719"/>
                  </a:lnTo>
                  <a:lnTo>
                    <a:pt x="523" y="2738"/>
                  </a:lnTo>
                  <a:lnTo>
                    <a:pt x="545" y="2758"/>
                  </a:lnTo>
                  <a:lnTo>
                    <a:pt x="568" y="2777"/>
                  </a:lnTo>
                  <a:lnTo>
                    <a:pt x="591" y="2796"/>
                  </a:lnTo>
                  <a:lnTo>
                    <a:pt x="614" y="2813"/>
                  </a:lnTo>
                  <a:lnTo>
                    <a:pt x="638" y="2831"/>
                  </a:lnTo>
                  <a:lnTo>
                    <a:pt x="662" y="2849"/>
                  </a:lnTo>
                  <a:lnTo>
                    <a:pt x="687" y="2865"/>
                  </a:lnTo>
                  <a:lnTo>
                    <a:pt x="711" y="2882"/>
                  </a:lnTo>
                  <a:lnTo>
                    <a:pt x="736" y="2898"/>
                  </a:lnTo>
                  <a:lnTo>
                    <a:pt x="762" y="2913"/>
                  </a:lnTo>
                  <a:lnTo>
                    <a:pt x="787" y="2929"/>
                  </a:lnTo>
                  <a:lnTo>
                    <a:pt x="814" y="2942"/>
                  </a:lnTo>
                  <a:lnTo>
                    <a:pt x="840" y="2957"/>
                  </a:lnTo>
                  <a:lnTo>
                    <a:pt x="867" y="2970"/>
                  </a:lnTo>
                  <a:lnTo>
                    <a:pt x="894" y="2984"/>
                  </a:lnTo>
                  <a:lnTo>
                    <a:pt x="922" y="2997"/>
                  </a:lnTo>
                  <a:lnTo>
                    <a:pt x="949" y="3008"/>
                  </a:lnTo>
                  <a:lnTo>
                    <a:pt x="977" y="3019"/>
                  </a:lnTo>
                  <a:lnTo>
                    <a:pt x="1004" y="3031"/>
                  </a:lnTo>
                  <a:lnTo>
                    <a:pt x="1034" y="3041"/>
                  </a:lnTo>
                  <a:lnTo>
                    <a:pt x="1062" y="3052"/>
                  </a:lnTo>
                  <a:lnTo>
                    <a:pt x="1090" y="3061"/>
                  </a:lnTo>
                  <a:lnTo>
                    <a:pt x="1119" y="3069"/>
                  </a:lnTo>
                  <a:lnTo>
                    <a:pt x="1149" y="3078"/>
                  </a:lnTo>
                  <a:lnTo>
                    <a:pt x="1179" y="3086"/>
                  </a:lnTo>
                  <a:lnTo>
                    <a:pt x="1208" y="3093"/>
                  </a:lnTo>
                  <a:lnTo>
                    <a:pt x="1239" y="3100"/>
                  </a:lnTo>
                  <a:lnTo>
                    <a:pt x="1269" y="3106"/>
                  </a:lnTo>
                  <a:lnTo>
                    <a:pt x="1269" y="1429"/>
                  </a:lnTo>
                  <a:lnTo>
                    <a:pt x="1269" y="1413"/>
                  </a:lnTo>
                  <a:lnTo>
                    <a:pt x="1271" y="1398"/>
                  </a:lnTo>
                  <a:lnTo>
                    <a:pt x="1275" y="1383"/>
                  </a:lnTo>
                  <a:lnTo>
                    <a:pt x="1281" y="1369"/>
                  </a:lnTo>
                  <a:lnTo>
                    <a:pt x="1287" y="1356"/>
                  </a:lnTo>
                  <a:lnTo>
                    <a:pt x="1295" y="1342"/>
                  </a:lnTo>
                  <a:lnTo>
                    <a:pt x="1306" y="1330"/>
                  </a:lnTo>
                  <a:lnTo>
                    <a:pt x="1317" y="1317"/>
                  </a:lnTo>
                  <a:lnTo>
                    <a:pt x="1329" y="1306"/>
                  </a:lnTo>
                  <a:lnTo>
                    <a:pt x="1342" y="1296"/>
                  </a:lnTo>
                  <a:lnTo>
                    <a:pt x="1355" y="1288"/>
                  </a:lnTo>
                  <a:lnTo>
                    <a:pt x="1370" y="1281"/>
                  </a:lnTo>
                  <a:lnTo>
                    <a:pt x="1383" y="1275"/>
                  </a:lnTo>
                  <a:lnTo>
                    <a:pt x="1399" y="1271"/>
                  </a:lnTo>
                  <a:lnTo>
                    <a:pt x="1414" y="1269"/>
                  </a:lnTo>
                  <a:lnTo>
                    <a:pt x="1429" y="1269"/>
                  </a:lnTo>
                  <a:lnTo>
                    <a:pt x="3116" y="1269"/>
                  </a:lnTo>
                  <a:lnTo>
                    <a:pt x="3110" y="1237"/>
                  </a:lnTo>
                  <a:lnTo>
                    <a:pt x="3103" y="1205"/>
                  </a:lnTo>
                  <a:lnTo>
                    <a:pt x="3094" y="1172"/>
                  </a:lnTo>
                  <a:lnTo>
                    <a:pt x="3086" y="1141"/>
                  </a:lnTo>
                  <a:lnTo>
                    <a:pt x="3077" y="1110"/>
                  </a:lnTo>
                  <a:lnTo>
                    <a:pt x="3067" y="1080"/>
                  </a:lnTo>
                  <a:lnTo>
                    <a:pt x="3057" y="1048"/>
                  </a:lnTo>
                  <a:lnTo>
                    <a:pt x="3045" y="1018"/>
                  </a:lnTo>
                  <a:lnTo>
                    <a:pt x="3034" y="988"/>
                  </a:lnTo>
                  <a:lnTo>
                    <a:pt x="3021" y="958"/>
                  </a:lnTo>
                  <a:lnTo>
                    <a:pt x="3008" y="929"/>
                  </a:lnTo>
                  <a:lnTo>
                    <a:pt x="2995" y="900"/>
                  </a:lnTo>
                  <a:lnTo>
                    <a:pt x="2980" y="871"/>
                  </a:lnTo>
                  <a:lnTo>
                    <a:pt x="2966" y="842"/>
                  </a:lnTo>
                  <a:lnTo>
                    <a:pt x="2951" y="814"/>
                  </a:lnTo>
                  <a:lnTo>
                    <a:pt x="2935" y="786"/>
                  </a:lnTo>
                  <a:close/>
                  <a:moveTo>
                    <a:pt x="1570" y="0"/>
                  </a:moveTo>
                  <a:lnTo>
                    <a:pt x="1519" y="1"/>
                  </a:lnTo>
                  <a:lnTo>
                    <a:pt x="1469" y="3"/>
                  </a:lnTo>
                  <a:lnTo>
                    <a:pt x="1420" y="7"/>
                  </a:lnTo>
                  <a:lnTo>
                    <a:pt x="1371" y="12"/>
                  </a:lnTo>
                  <a:lnTo>
                    <a:pt x="1323" y="19"/>
                  </a:lnTo>
                  <a:lnTo>
                    <a:pt x="1274" y="27"/>
                  </a:lnTo>
                  <a:lnTo>
                    <a:pt x="1227" y="37"/>
                  </a:lnTo>
                  <a:lnTo>
                    <a:pt x="1180" y="48"/>
                  </a:lnTo>
                  <a:lnTo>
                    <a:pt x="1134" y="60"/>
                  </a:lnTo>
                  <a:lnTo>
                    <a:pt x="1088" y="75"/>
                  </a:lnTo>
                  <a:lnTo>
                    <a:pt x="1043" y="90"/>
                  </a:lnTo>
                  <a:lnTo>
                    <a:pt x="999" y="106"/>
                  </a:lnTo>
                  <a:lnTo>
                    <a:pt x="955" y="124"/>
                  </a:lnTo>
                  <a:lnTo>
                    <a:pt x="911" y="143"/>
                  </a:lnTo>
                  <a:lnTo>
                    <a:pt x="869" y="163"/>
                  </a:lnTo>
                  <a:lnTo>
                    <a:pt x="827" y="184"/>
                  </a:lnTo>
                  <a:lnTo>
                    <a:pt x="827" y="1552"/>
                  </a:lnTo>
                  <a:lnTo>
                    <a:pt x="826" y="1569"/>
                  </a:lnTo>
                  <a:lnTo>
                    <a:pt x="824" y="1586"/>
                  </a:lnTo>
                  <a:lnTo>
                    <a:pt x="820" y="1601"/>
                  </a:lnTo>
                  <a:lnTo>
                    <a:pt x="815" y="1616"/>
                  </a:lnTo>
                  <a:lnTo>
                    <a:pt x="808" y="1629"/>
                  </a:lnTo>
                  <a:lnTo>
                    <a:pt x="800" y="1643"/>
                  </a:lnTo>
                  <a:lnTo>
                    <a:pt x="790" y="1655"/>
                  </a:lnTo>
                  <a:lnTo>
                    <a:pt x="779" y="1667"/>
                  </a:lnTo>
                  <a:lnTo>
                    <a:pt x="767" y="1677"/>
                  </a:lnTo>
                  <a:lnTo>
                    <a:pt x="754" y="1687"/>
                  </a:lnTo>
                  <a:lnTo>
                    <a:pt x="740" y="1695"/>
                  </a:lnTo>
                  <a:lnTo>
                    <a:pt x="727" y="1701"/>
                  </a:lnTo>
                  <a:lnTo>
                    <a:pt x="712" y="1706"/>
                  </a:lnTo>
                  <a:lnTo>
                    <a:pt x="697" y="1710"/>
                  </a:lnTo>
                  <a:lnTo>
                    <a:pt x="682" y="1712"/>
                  </a:lnTo>
                  <a:lnTo>
                    <a:pt x="666" y="1713"/>
                  </a:lnTo>
                  <a:lnTo>
                    <a:pt x="0" y="1713"/>
                  </a:lnTo>
                  <a:lnTo>
                    <a:pt x="3" y="1746"/>
                  </a:lnTo>
                  <a:lnTo>
                    <a:pt x="7" y="1778"/>
                  </a:lnTo>
                  <a:lnTo>
                    <a:pt x="13" y="1812"/>
                  </a:lnTo>
                  <a:lnTo>
                    <a:pt x="18" y="1844"/>
                  </a:lnTo>
                  <a:lnTo>
                    <a:pt x="24" y="1876"/>
                  </a:lnTo>
                  <a:lnTo>
                    <a:pt x="30" y="1908"/>
                  </a:lnTo>
                  <a:lnTo>
                    <a:pt x="38" y="1940"/>
                  </a:lnTo>
                  <a:lnTo>
                    <a:pt x="46" y="1971"/>
                  </a:lnTo>
                  <a:lnTo>
                    <a:pt x="56" y="2002"/>
                  </a:lnTo>
                  <a:lnTo>
                    <a:pt x="65" y="2033"/>
                  </a:lnTo>
                  <a:lnTo>
                    <a:pt x="74" y="2064"/>
                  </a:lnTo>
                  <a:lnTo>
                    <a:pt x="85" y="2095"/>
                  </a:lnTo>
                  <a:lnTo>
                    <a:pt x="96" y="2125"/>
                  </a:lnTo>
                  <a:lnTo>
                    <a:pt x="108" y="2154"/>
                  </a:lnTo>
                  <a:lnTo>
                    <a:pt x="120" y="2184"/>
                  </a:lnTo>
                  <a:lnTo>
                    <a:pt x="134" y="2214"/>
                  </a:lnTo>
                  <a:lnTo>
                    <a:pt x="812" y="2214"/>
                  </a:lnTo>
                  <a:lnTo>
                    <a:pt x="828" y="2213"/>
                  </a:lnTo>
                  <a:lnTo>
                    <a:pt x="844" y="2210"/>
                  </a:lnTo>
                  <a:lnTo>
                    <a:pt x="860" y="2206"/>
                  </a:lnTo>
                  <a:lnTo>
                    <a:pt x="874" y="2202"/>
                  </a:lnTo>
                  <a:lnTo>
                    <a:pt x="888" y="2195"/>
                  </a:lnTo>
                  <a:lnTo>
                    <a:pt x="902" y="2188"/>
                  </a:lnTo>
                  <a:lnTo>
                    <a:pt x="914" y="2178"/>
                  </a:lnTo>
                  <a:lnTo>
                    <a:pt x="926" y="2168"/>
                  </a:lnTo>
                  <a:lnTo>
                    <a:pt x="937" y="2155"/>
                  </a:lnTo>
                  <a:lnTo>
                    <a:pt x="947" y="2143"/>
                  </a:lnTo>
                  <a:lnTo>
                    <a:pt x="954" y="2129"/>
                  </a:lnTo>
                  <a:lnTo>
                    <a:pt x="960" y="2116"/>
                  </a:lnTo>
                  <a:lnTo>
                    <a:pt x="966" y="2101"/>
                  </a:lnTo>
                  <a:lnTo>
                    <a:pt x="970" y="2085"/>
                  </a:lnTo>
                  <a:lnTo>
                    <a:pt x="972" y="2070"/>
                  </a:lnTo>
                  <a:lnTo>
                    <a:pt x="972" y="2052"/>
                  </a:lnTo>
                  <a:lnTo>
                    <a:pt x="972" y="503"/>
                  </a:lnTo>
                  <a:lnTo>
                    <a:pt x="973" y="487"/>
                  </a:lnTo>
                  <a:lnTo>
                    <a:pt x="975" y="472"/>
                  </a:lnTo>
                  <a:lnTo>
                    <a:pt x="979" y="457"/>
                  </a:lnTo>
                  <a:lnTo>
                    <a:pt x="984" y="443"/>
                  </a:lnTo>
                  <a:lnTo>
                    <a:pt x="991" y="429"/>
                  </a:lnTo>
                  <a:lnTo>
                    <a:pt x="999" y="415"/>
                  </a:lnTo>
                  <a:lnTo>
                    <a:pt x="1009" y="403"/>
                  </a:lnTo>
                  <a:lnTo>
                    <a:pt x="1021" y="390"/>
                  </a:lnTo>
                  <a:lnTo>
                    <a:pt x="1033" y="380"/>
                  </a:lnTo>
                  <a:lnTo>
                    <a:pt x="1046" y="370"/>
                  </a:lnTo>
                  <a:lnTo>
                    <a:pt x="1059" y="361"/>
                  </a:lnTo>
                  <a:lnTo>
                    <a:pt x="1073" y="355"/>
                  </a:lnTo>
                  <a:lnTo>
                    <a:pt x="1087" y="350"/>
                  </a:lnTo>
                  <a:lnTo>
                    <a:pt x="1102" y="346"/>
                  </a:lnTo>
                  <a:lnTo>
                    <a:pt x="1117" y="344"/>
                  </a:lnTo>
                  <a:lnTo>
                    <a:pt x="1133" y="343"/>
                  </a:lnTo>
                  <a:lnTo>
                    <a:pt x="2552" y="343"/>
                  </a:lnTo>
                  <a:lnTo>
                    <a:pt x="2526" y="323"/>
                  </a:lnTo>
                  <a:lnTo>
                    <a:pt x="2501" y="304"/>
                  </a:lnTo>
                  <a:lnTo>
                    <a:pt x="2473" y="285"/>
                  </a:lnTo>
                  <a:lnTo>
                    <a:pt x="2447" y="267"/>
                  </a:lnTo>
                  <a:lnTo>
                    <a:pt x="2420" y="249"/>
                  </a:lnTo>
                  <a:lnTo>
                    <a:pt x="2393" y="232"/>
                  </a:lnTo>
                  <a:lnTo>
                    <a:pt x="2365" y="216"/>
                  </a:lnTo>
                  <a:lnTo>
                    <a:pt x="2336" y="199"/>
                  </a:lnTo>
                  <a:lnTo>
                    <a:pt x="2308" y="183"/>
                  </a:lnTo>
                  <a:lnTo>
                    <a:pt x="2279" y="169"/>
                  </a:lnTo>
                  <a:lnTo>
                    <a:pt x="2249" y="154"/>
                  </a:lnTo>
                  <a:lnTo>
                    <a:pt x="2220" y="141"/>
                  </a:lnTo>
                  <a:lnTo>
                    <a:pt x="2191" y="127"/>
                  </a:lnTo>
                  <a:lnTo>
                    <a:pt x="2160" y="115"/>
                  </a:lnTo>
                  <a:lnTo>
                    <a:pt x="2130" y="103"/>
                  </a:lnTo>
                  <a:lnTo>
                    <a:pt x="2099" y="92"/>
                  </a:lnTo>
                  <a:lnTo>
                    <a:pt x="2067" y="80"/>
                  </a:lnTo>
                  <a:lnTo>
                    <a:pt x="2036" y="71"/>
                  </a:lnTo>
                  <a:lnTo>
                    <a:pt x="2004" y="61"/>
                  </a:lnTo>
                  <a:lnTo>
                    <a:pt x="1972" y="52"/>
                  </a:lnTo>
                  <a:lnTo>
                    <a:pt x="1940" y="44"/>
                  </a:lnTo>
                  <a:lnTo>
                    <a:pt x="1908" y="36"/>
                  </a:lnTo>
                  <a:lnTo>
                    <a:pt x="1874" y="30"/>
                  </a:lnTo>
                  <a:lnTo>
                    <a:pt x="1842" y="24"/>
                  </a:lnTo>
                  <a:lnTo>
                    <a:pt x="1808" y="18"/>
                  </a:lnTo>
                  <a:lnTo>
                    <a:pt x="1775" y="14"/>
                  </a:lnTo>
                  <a:lnTo>
                    <a:pt x="1741" y="9"/>
                  </a:lnTo>
                  <a:lnTo>
                    <a:pt x="1707" y="6"/>
                  </a:lnTo>
                  <a:lnTo>
                    <a:pt x="1673" y="3"/>
                  </a:lnTo>
                  <a:lnTo>
                    <a:pt x="1639" y="2"/>
                  </a:lnTo>
                  <a:lnTo>
                    <a:pt x="1604" y="0"/>
                  </a:lnTo>
                  <a:lnTo>
                    <a:pt x="1570" y="0"/>
                  </a:lnTo>
                  <a:close/>
                </a:path>
              </a:pathLst>
            </a:custGeom>
            <a:solidFill>
              <a:srgbClr val="D82A34"/>
            </a:solidFill>
            <a:ln w="9525">
              <a:noFill/>
              <a:round/>
              <a:headEnd/>
              <a:tailEnd/>
            </a:ln>
          </p:spPr>
          <p:txBody>
            <a:bodyPr/>
            <a:lstStyle/>
            <a:p>
              <a:pPr algn="ctr" eaLnBrk="0" hangingPunct="0">
                <a:spcBef>
                  <a:spcPct val="50000"/>
                </a:spcBef>
                <a:defRPr/>
              </a:pPr>
              <a:endParaRPr lang="en-US" dirty="0"/>
            </a:p>
          </p:txBody>
        </p:sp>
      </p:grpSp>
      <p:sp>
        <p:nvSpPr>
          <p:cNvPr id="16" name="Freeform 21" hidden="1"/>
          <p:cNvSpPr>
            <a:spLocks noChangeAspect="1" noEditPoints="1"/>
          </p:cNvSpPr>
          <p:nvPr>
            <p:custDataLst>
              <p:tags r:id="rId10"/>
            </p:custDataLst>
          </p:nvPr>
        </p:nvSpPr>
        <p:spPr bwMode="gray">
          <a:xfrm>
            <a:off x="-1746250" y="5230813"/>
            <a:ext cx="1517650" cy="369887"/>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pic>
        <p:nvPicPr>
          <p:cNvPr id="17" name="Picture 22" descr="JP" hidden="1"/>
          <p:cNvPicPr preferRelativeResize="0">
            <a:picLocks noChangeAspect="1" noChangeArrowheads="1"/>
          </p:cNvPicPr>
          <p:nvPr>
            <p:custDataLst>
              <p:tags r:id="rId11"/>
            </p:custDataLst>
          </p:nvPr>
        </p:nvPicPr>
        <p:blipFill>
          <a:blip r:embed="rId16" cstate="print"/>
          <a:srcRect/>
          <a:stretch>
            <a:fillRect/>
          </a:stretch>
        </p:blipFill>
        <p:spPr bwMode="auto">
          <a:xfrm>
            <a:off x="912813" y="7175500"/>
            <a:ext cx="1179512" cy="220663"/>
          </a:xfrm>
          <a:prstGeom prst="rect">
            <a:avLst/>
          </a:prstGeom>
          <a:noFill/>
          <a:ln w="9525">
            <a:noFill/>
            <a:miter lim="800000"/>
            <a:headEnd/>
            <a:tailEnd/>
          </a:ln>
        </p:spPr>
      </p:pic>
      <p:pic>
        <p:nvPicPr>
          <p:cNvPr id="18" name="Picture 23" descr="JF2" hidden="1"/>
          <p:cNvPicPr preferRelativeResize="0">
            <a:picLocks noChangeArrowheads="1"/>
          </p:cNvPicPr>
          <p:nvPr>
            <p:custDataLst>
              <p:tags r:id="rId12"/>
            </p:custDataLst>
          </p:nvPr>
        </p:nvPicPr>
        <p:blipFill>
          <a:blip r:embed="rId17" cstate="print"/>
          <a:srcRect/>
          <a:stretch>
            <a:fillRect/>
          </a:stretch>
        </p:blipFill>
        <p:spPr bwMode="auto">
          <a:xfrm>
            <a:off x="912813" y="7175500"/>
            <a:ext cx="2286000" cy="201613"/>
          </a:xfrm>
          <a:prstGeom prst="rect">
            <a:avLst/>
          </a:prstGeom>
          <a:noFill/>
          <a:ln w="9525">
            <a:noFill/>
            <a:miter lim="800000"/>
            <a:headEnd/>
            <a:tailEnd/>
          </a:ln>
        </p:spPr>
      </p:pic>
      <p:sp>
        <p:nvSpPr>
          <p:cNvPr id="20" name="Text Box 50"/>
          <p:cNvSpPr txBox="1">
            <a:spLocks noChangeArrowheads="1"/>
          </p:cNvSpPr>
          <p:nvPr>
            <p:custDataLst>
              <p:tags r:id="rId13"/>
            </p:custDataLst>
          </p:nvPr>
        </p:nvSpPr>
        <p:spPr bwMode="auto">
          <a:xfrm>
            <a:off x="7626350" y="1636713"/>
            <a:ext cx="420688" cy="155575"/>
          </a:xfrm>
          <a:prstGeom prst="rect">
            <a:avLst/>
          </a:prstGeom>
          <a:noFill/>
          <a:ln w="9525">
            <a:noFill/>
            <a:miter lim="800000"/>
            <a:headEnd/>
            <a:tailEnd/>
          </a:ln>
          <a:effectLst/>
        </p:spPr>
        <p:txBody>
          <a:bodyPr wrap="none" lIns="0" tIns="0" rIns="0" bIns="0" anchor="ctr"/>
          <a:lstStyle/>
          <a:p>
            <a:pPr algn="r" eaLnBrk="0" hangingPunct="0">
              <a:defRPr/>
            </a:pPr>
            <a:endParaRPr lang="en-US" sz="1000" dirty="0">
              <a:solidFill>
                <a:srgbClr val="000000"/>
              </a:solidFill>
              <a:latin typeface="Trebuchet MS" pitchFamily="34" charset="0"/>
            </a:endParaRPr>
          </a:p>
        </p:txBody>
      </p:sp>
      <p:sp>
        <p:nvSpPr>
          <p:cNvPr id="21" name="Line 53"/>
          <p:cNvSpPr>
            <a:spLocks noChangeShapeType="1"/>
          </p:cNvSpPr>
          <p:nvPr>
            <p:custDataLst>
              <p:tags r:id="rId14"/>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p>
        </p:txBody>
      </p:sp>
      <p:graphicFrame>
        <p:nvGraphicFramePr>
          <p:cNvPr id="22" name="Object 57"/>
          <p:cNvGraphicFramePr>
            <a:graphicFrameLocks noChangeAspect="1"/>
          </p:cNvGraphicFramePr>
          <p:nvPr/>
        </p:nvGraphicFramePr>
        <p:xfrm>
          <a:off x="781050" y="7258050"/>
          <a:ext cx="2057400" cy="190500"/>
        </p:xfrm>
        <a:graphic>
          <a:graphicData uri="http://schemas.openxmlformats.org/presentationml/2006/ole">
            <p:oleObj spid="_x0000_s22530" name="Photo Editor Photo" r:id="rId18" imgW="2057143" imgH="190426" progId="">
              <p:embed/>
            </p:oleObj>
          </a:graphicData>
        </a:graphic>
      </p:graphicFrame>
      <p:pic>
        <p:nvPicPr>
          <p:cNvPr id="23" name="Picture 6" descr="CtsLogoNoBorder.jpg"/>
          <p:cNvPicPr>
            <a:picLocks noChangeAspect="1"/>
          </p:cNvPicPr>
          <p:nvPr userDrawn="1"/>
        </p:nvPicPr>
        <p:blipFill>
          <a:blip r:embed="rId19" cstate="print"/>
          <a:srcRect/>
          <a:stretch>
            <a:fillRect/>
          </a:stretch>
        </p:blipFill>
        <p:spPr bwMode="auto">
          <a:xfrm>
            <a:off x="7515225" y="7011988"/>
            <a:ext cx="2009775" cy="531812"/>
          </a:xfrm>
          <a:prstGeom prst="rect">
            <a:avLst/>
          </a:prstGeom>
          <a:noFill/>
          <a:ln w="9525">
            <a:noFill/>
            <a:miter lim="800000"/>
            <a:headEnd/>
            <a:tailEnd/>
          </a:ln>
        </p:spPr>
      </p:pic>
      <p:sp>
        <p:nvSpPr>
          <p:cNvPr id="20484" name="Rectangle 4"/>
          <p:cNvSpPr>
            <a:spLocks noGrp="1" noChangeArrowheads="1"/>
          </p:cNvSpPr>
          <p:nvPr>
            <p:ph type="ctrTitle"/>
          </p:nvPr>
        </p:nvSpPr>
        <p:spPr bwMode="gray">
          <a:xfrm>
            <a:off x="2586038" y="1827213"/>
            <a:ext cx="5110162" cy="228600"/>
          </a:xfrm>
          <a:solidFill>
            <a:schemeClr val="bg2"/>
          </a:solidFill>
        </p:spPr>
        <p:txBody>
          <a:bodyPr lIns="228600" rIns="2057400" anchor="ctr"/>
          <a:lstStyle>
            <a:lvl1pPr marL="9525" defTabSz="1135063">
              <a:lnSpc>
                <a:spcPts val="1500"/>
              </a:lnSpc>
              <a:defRPr sz="1400">
                <a:solidFill>
                  <a:schemeClr val="bg1"/>
                </a:solidFill>
              </a:defRPr>
            </a:lvl1pPr>
          </a:lstStyle>
          <a:p>
            <a:r>
              <a:rPr lang="en-US"/>
              <a:t>Click to edit Master title style</a:t>
            </a:r>
          </a:p>
        </p:txBody>
      </p:sp>
      <p:sp>
        <p:nvSpPr>
          <p:cNvPr id="20485" name="Rectangle 5"/>
          <p:cNvSpPr>
            <a:spLocks noGrp="1" noChangeArrowheads="1"/>
          </p:cNvSpPr>
          <p:nvPr>
            <p:ph type="subTitle" idx="1"/>
          </p:nvPr>
        </p:nvSpPr>
        <p:spPr>
          <a:xfrm>
            <a:off x="2586038" y="2101850"/>
            <a:ext cx="5110162" cy="301625"/>
          </a:xfrm>
        </p:spPr>
        <p:txBody>
          <a:bodyPr lIns="228600" tIns="0" rIns="91440" bIns="0"/>
          <a:lstStyle>
            <a:lvl1pPr>
              <a:lnSpc>
                <a:spcPct val="115000"/>
              </a:lnSpc>
              <a:spcBef>
                <a:spcPct val="0"/>
              </a:spcBef>
              <a:buClrTx/>
              <a:buSzTx/>
              <a:buFontTx/>
              <a:buNone/>
              <a:defRPr/>
            </a:lvl1pPr>
          </a:lstStyle>
          <a:p>
            <a:r>
              <a:rPr lang="en-US"/>
              <a:t>Click to edit Master subtitle style</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smtClean="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vmlDrawing" Target="../drawings/vmlDrawing1.vml"/><Relationship Id="rId18" Type="http://schemas.openxmlformats.org/officeDocument/2006/relationships/tags" Target="../tags/tag6.xml"/><Relationship Id="rId3" Type="http://schemas.openxmlformats.org/officeDocument/2006/relationships/slideLayout" Target="../slideLayouts/slideLayout3.xml"/><Relationship Id="rId21" Type="http://schemas.openxmlformats.org/officeDocument/2006/relationships/image" Target="../media/image3.wmf"/><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tags" Target="../tags/tag5.xml"/><Relationship Id="rId2" Type="http://schemas.openxmlformats.org/officeDocument/2006/relationships/slideLayout" Target="../slideLayouts/slideLayout2.xml"/><Relationship Id="rId16" Type="http://schemas.openxmlformats.org/officeDocument/2006/relationships/tags" Target="../tags/tag4.xml"/><Relationship Id="rId20" Type="http://schemas.openxmlformats.org/officeDocument/2006/relationships/image" Target="../media/image2.wmf"/><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23" Type="http://schemas.openxmlformats.org/officeDocument/2006/relationships/image" Target="../media/image4.jpeg"/><Relationship Id="rId10" Type="http://schemas.openxmlformats.org/officeDocument/2006/relationships/slideLayout" Target="../slideLayouts/slideLayout10.xml"/><Relationship Id="rId19" Type="http://schemas.openxmlformats.org/officeDocument/2006/relationships/tags" Target="../tags/tag7.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 Id="rId22"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1028" name="Picture 2" descr="JF2" hidden="1"/>
          <p:cNvPicPr preferRelativeResize="0">
            <a:picLocks noChangeAspect="1" noChangeArrowheads="1"/>
          </p:cNvPicPr>
          <p:nvPr>
            <p:custDataLst>
              <p:tags r:id="rId14"/>
            </p:custDataLst>
          </p:nvPr>
        </p:nvPicPr>
        <p:blipFill>
          <a:blip r:embed="rId20" cstate="print"/>
          <a:srcRect/>
          <a:stretch>
            <a:fillRect/>
          </a:stretch>
        </p:blipFill>
        <p:spPr bwMode="auto">
          <a:xfrm>
            <a:off x="912813" y="7175500"/>
            <a:ext cx="2286000" cy="201613"/>
          </a:xfrm>
          <a:prstGeom prst="rect">
            <a:avLst/>
          </a:prstGeom>
          <a:noFill/>
          <a:ln w="9525">
            <a:noFill/>
            <a:miter lim="800000"/>
            <a:headEnd/>
            <a:tailEnd/>
          </a:ln>
        </p:spPr>
      </p:pic>
      <p:pic>
        <p:nvPicPr>
          <p:cNvPr id="1029" name="Picture 3" descr="JP" hidden="1"/>
          <p:cNvPicPr preferRelativeResize="0">
            <a:picLocks noChangeAspect="1" noChangeArrowheads="1"/>
          </p:cNvPicPr>
          <p:nvPr>
            <p:custDataLst>
              <p:tags r:id="rId15"/>
            </p:custDataLst>
          </p:nvPr>
        </p:nvPicPr>
        <p:blipFill>
          <a:blip r:embed="rId21" cstate="print"/>
          <a:srcRect/>
          <a:stretch>
            <a:fillRect/>
          </a:stretch>
        </p:blipFill>
        <p:spPr bwMode="auto">
          <a:xfrm>
            <a:off x="912813" y="7175500"/>
            <a:ext cx="1179512" cy="220663"/>
          </a:xfrm>
          <a:prstGeom prst="rect">
            <a:avLst/>
          </a:prstGeom>
          <a:noFill/>
          <a:ln w="9525">
            <a:noFill/>
            <a:miter lim="800000"/>
            <a:headEnd/>
            <a:tailEnd/>
          </a:ln>
        </p:spPr>
      </p:pic>
      <p:sp>
        <p:nvSpPr>
          <p:cNvPr id="1030"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1031"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40" tIns="36576" rIns="36576" bIns="36576" numCol="1" anchor="t" anchorCtr="0" compatLnSpc="1">
            <a:prstTxWarp prst="textNoShape">
              <a:avLst/>
            </a:prstTxWarp>
          </a:bodyPr>
          <a:lstStyle/>
          <a:p>
            <a:pPr lvl="0"/>
            <a:r>
              <a:rPr lang="en-US" smtClean="0"/>
              <a:t>Click to edit Master text styles</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19465" name="Freeform 9" hidden="1"/>
          <p:cNvSpPr>
            <a:spLocks noChangeAspect="1" noEditPoints="1"/>
          </p:cNvSpPr>
          <p:nvPr>
            <p:custDataLst>
              <p:tags r:id="rId16"/>
            </p:custDataLst>
          </p:nvPr>
        </p:nvSpPr>
        <p:spPr bwMode="gray">
          <a:xfrm>
            <a:off x="912813" y="7175500"/>
            <a:ext cx="1819275" cy="222250"/>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19466" name="Freeform 10" hidden="1"/>
          <p:cNvSpPr>
            <a:spLocks noChangeAspect="1" noEditPoints="1"/>
          </p:cNvSpPr>
          <p:nvPr>
            <p:custDataLst>
              <p:tags r:id="rId17"/>
            </p:custDataLst>
          </p:nvPr>
        </p:nvSpPr>
        <p:spPr bwMode="gray">
          <a:xfrm>
            <a:off x="912813" y="7067550"/>
            <a:ext cx="1362075" cy="331788"/>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19467" name="Freeform 11" hidden="1"/>
          <p:cNvSpPr>
            <a:spLocks noChangeAspect="1" noEditPoints="1"/>
          </p:cNvSpPr>
          <p:nvPr>
            <p:custDataLst>
              <p:tags r:id="rId18"/>
            </p:custDataLst>
          </p:nvPr>
        </p:nvSpPr>
        <p:spPr bwMode="gray">
          <a:xfrm>
            <a:off x="912813" y="7175500"/>
            <a:ext cx="1527175" cy="2286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a:lstStyle/>
          <a:p>
            <a:pPr algn="ctr" eaLnBrk="0" hangingPunct="0">
              <a:spcBef>
                <a:spcPct val="50000"/>
              </a:spcBef>
              <a:defRPr/>
            </a:pPr>
            <a:endParaRPr lang="en-US" dirty="0"/>
          </a:p>
        </p:txBody>
      </p:sp>
      <p:sp>
        <p:nvSpPr>
          <p:cNvPr id="19486" name="Line 30"/>
          <p:cNvSpPr>
            <a:spLocks noChangeShapeType="1"/>
          </p:cNvSpPr>
          <p:nvPr>
            <p:custDataLst>
              <p:tags r:id="rId19"/>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p>
        </p:txBody>
      </p:sp>
      <p:graphicFrame>
        <p:nvGraphicFramePr>
          <p:cNvPr id="1026" name="Object 33"/>
          <p:cNvGraphicFramePr>
            <a:graphicFrameLocks noChangeAspect="1"/>
          </p:cNvGraphicFramePr>
          <p:nvPr/>
        </p:nvGraphicFramePr>
        <p:xfrm>
          <a:off x="781050" y="7258050"/>
          <a:ext cx="2057400" cy="190500"/>
        </p:xfrm>
        <a:graphic>
          <a:graphicData uri="http://schemas.openxmlformats.org/presentationml/2006/ole">
            <p:oleObj spid="_x0000_s1026" name="Photo Editor Photo" r:id="rId22" imgW="2057143" imgH="190426" progId="">
              <p:embed/>
            </p:oleObj>
          </a:graphicData>
        </a:graphic>
      </p:graphicFrame>
      <p:pic>
        <p:nvPicPr>
          <p:cNvPr id="1036" name="Picture 6" descr="CtsLogoNoBorder.jpg"/>
          <p:cNvPicPr>
            <a:picLocks noChangeAspect="1"/>
          </p:cNvPicPr>
          <p:nvPr userDrawn="1"/>
        </p:nvPicPr>
        <p:blipFill>
          <a:blip r:embed="rId23" cstate="print"/>
          <a:srcRect/>
          <a:stretch>
            <a:fillRect/>
          </a:stretch>
        </p:blipFill>
        <p:spPr bwMode="auto">
          <a:xfrm>
            <a:off x="7515225" y="7011988"/>
            <a:ext cx="2009775" cy="531812"/>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985" r:id="rId1"/>
    <p:sldLayoutId id="2147483975" r:id="rId2"/>
    <p:sldLayoutId id="2147483976" r:id="rId3"/>
    <p:sldLayoutId id="2147483977" r:id="rId4"/>
    <p:sldLayoutId id="2147483978" r:id="rId5"/>
    <p:sldLayoutId id="2147483979" r:id="rId6"/>
    <p:sldLayoutId id="2147483980" r:id="rId7"/>
    <p:sldLayoutId id="2147483981" r:id="rId8"/>
    <p:sldLayoutId id="2147483982" r:id="rId9"/>
    <p:sldLayoutId id="2147483983" r:id="rId10"/>
    <p:sldLayoutId id="2147483984" r:id="rId11"/>
  </p:sldLayoutIdLst>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mj-cs"/>
        </a:defRPr>
      </a:lvl1pPr>
      <a:lvl2pPr algn="l" defTabSz="1019175" rtl="0" eaLnBrk="0" fontAlgn="base" hangingPunct="0">
        <a:lnSpc>
          <a:spcPts val="2788"/>
        </a:lnSpc>
        <a:spcBef>
          <a:spcPct val="0"/>
        </a:spcBef>
        <a:spcAft>
          <a:spcPct val="0"/>
        </a:spcAft>
        <a:defRPr sz="2100" b="1">
          <a:solidFill>
            <a:schemeClr val="tx1"/>
          </a:solidFill>
          <a:latin typeface="Century Gothic" pitchFamily="34" charset="0"/>
        </a:defRPr>
      </a:lvl2pPr>
      <a:lvl3pPr algn="l" defTabSz="1019175" rtl="0" eaLnBrk="0" fontAlgn="base" hangingPunct="0">
        <a:lnSpc>
          <a:spcPts val="2788"/>
        </a:lnSpc>
        <a:spcBef>
          <a:spcPct val="0"/>
        </a:spcBef>
        <a:spcAft>
          <a:spcPct val="0"/>
        </a:spcAft>
        <a:defRPr sz="2100" b="1">
          <a:solidFill>
            <a:schemeClr val="tx1"/>
          </a:solidFill>
          <a:latin typeface="Century Gothic" pitchFamily="34" charset="0"/>
        </a:defRPr>
      </a:lvl3pPr>
      <a:lvl4pPr algn="l" defTabSz="1019175" rtl="0" eaLnBrk="0" fontAlgn="base" hangingPunct="0">
        <a:lnSpc>
          <a:spcPts val="2788"/>
        </a:lnSpc>
        <a:spcBef>
          <a:spcPct val="0"/>
        </a:spcBef>
        <a:spcAft>
          <a:spcPct val="0"/>
        </a:spcAft>
        <a:defRPr sz="2100" b="1">
          <a:solidFill>
            <a:schemeClr val="tx1"/>
          </a:solidFill>
          <a:latin typeface="Century Gothic" pitchFamily="34" charset="0"/>
        </a:defRPr>
      </a:lvl4pPr>
      <a:lvl5pPr algn="l" defTabSz="1019175" rtl="0" eaLnBrk="0" fontAlgn="base" hangingPunct="0">
        <a:lnSpc>
          <a:spcPts val="2788"/>
        </a:lnSpc>
        <a:spcBef>
          <a:spcPct val="0"/>
        </a:spcBef>
        <a:spcAft>
          <a:spcPct val="0"/>
        </a:spcAft>
        <a:defRPr sz="2100" b="1">
          <a:solidFill>
            <a:schemeClr val="tx1"/>
          </a:solidFill>
          <a:latin typeface="Century Gothic" pitchFamily="34" charset="0"/>
        </a:defRPr>
      </a:lvl5pPr>
      <a:lvl6pPr marL="457200" algn="l" defTabSz="1019175" rtl="0" eaLnBrk="0" fontAlgn="base" hangingPunct="0">
        <a:lnSpc>
          <a:spcPts val="2788"/>
        </a:lnSpc>
        <a:spcBef>
          <a:spcPct val="0"/>
        </a:spcBef>
        <a:spcAft>
          <a:spcPct val="0"/>
        </a:spcAft>
        <a:defRPr sz="2100" b="1">
          <a:solidFill>
            <a:schemeClr val="tx1"/>
          </a:solidFill>
          <a:latin typeface="Century Gothic" pitchFamily="34" charset="0"/>
        </a:defRPr>
      </a:lvl6pPr>
      <a:lvl7pPr marL="914400" algn="l" defTabSz="1019175" rtl="0" eaLnBrk="0" fontAlgn="base" hangingPunct="0">
        <a:lnSpc>
          <a:spcPts val="2788"/>
        </a:lnSpc>
        <a:spcBef>
          <a:spcPct val="0"/>
        </a:spcBef>
        <a:spcAft>
          <a:spcPct val="0"/>
        </a:spcAft>
        <a:defRPr sz="2100" b="1">
          <a:solidFill>
            <a:schemeClr val="tx1"/>
          </a:solidFill>
          <a:latin typeface="Century Gothic" pitchFamily="34" charset="0"/>
        </a:defRPr>
      </a:lvl7pPr>
      <a:lvl8pPr marL="1371600" algn="l" defTabSz="1019175" rtl="0" eaLnBrk="0" fontAlgn="base" hangingPunct="0">
        <a:lnSpc>
          <a:spcPts val="2788"/>
        </a:lnSpc>
        <a:spcBef>
          <a:spcPct val="0"/>
        </a:spcBef>
        <a:spcAft>
          <a:spcPct val="0"/>
        </a:spcAft>
        <a:defRPr sz="2100" b="1">
          <a:solidFill>
            <a:schemeClr val="tx1"/>
          </a:solidFill>
          <a:latin typeface="Century Gothic" pitchFamily="34" charset="0"/>
        </a:defRPr>
      </a:lvl8pPr>
      <a:lvl9pPr marL="1828800" algn="l" defTabSz="1019175" rtl="0" eaLnBrk="0" fontAlgn="base" hangingPunct="0">
        <a:lnSpc>
          <a:spcPts val="2788"/>
        </a:lnSpc>
        <a:spcBef>
          <a:spcPct val="0"/>
        </a:spcBef>
        <a:spcAft>
          <a:spcPct val="0"/>
        </a:spcAft>
        <a:defRPr sz="2100" b="1">
          <a:solidFill>
            <a:schemeClr val="tx1"/>
          </a:solidFill>
          <a:latin typeface="Century Gothic" pitchFamily="34" charset="0"/>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mn-cs"/>
        </a:defRPr>
      </a:lvl1pPr>
      <a:lvl2pPr marL="209550" indent="-207963" algn="l" defTabSz="1019175" rtl="0" eaLnBrk="0" fontAlgn="base" hangingPunct="0">
        <a:lnSpc>
          <a:spcPct val="110000"/>
        </a:lnSpc>
        <a:spcBef>
          <a:spcPct val="70000"/>
        </a:spcBef>
        <a:spcAft>
          <a:spcPct val="0"/>
        </a:spcAft>
        <a:buClr>
          <a:schemeClr val="bg2"/>
        </a:buClr>
        <a:buSzPct val="92000"/>
        <a:buFont typeface="Wingdings" pitchFamily="2" charset="2"/>
        <a:buChar char="n"/>
        <a:defRPr sz="1400">
          <a:solidFill>
            <a:schemeClr val="tx1"/>
          </a:solidFill>
          <a:latin typeface="+mn-lt"/>
        </a:defRPr>
      </a:lvl2pPr>
      <a:lvl3pPr marL="423863" indent="-212725" algn="l" defTabSz="1019175" rtl="0" eaLnBrk="0" fontAlgn="base" hangingPunct="0">
        <a:lnSpc>
          <a:spcPct val="110000"/>
        </a:lnSpc>
        <a:spcBef>
          <a:spcPct val="20000"/>
        </a:spcBef>
        <a:spcAft>
          <a:spcPct val="0"/>
        </a:spcAft>
        <a:buClr>
          <a:srgbClr val="C0C0C0"/>
        </a:buClr>
        <a:buSzPct val="92000"/>
        <a:buFont typeface="Wingdings" pitchFamily="2" charset="2"/>
        <a:buChar char="n"/>
        <a:defRPr sz="1400">
          <a:solidFill>
            <a:schemeClr val="tx1"/>
          </a:solidFill>
          <a:latin typeface="+mn-lt"/>
        </a:defRPr>
      </a:lvl3pPr>
      <a:lvl4pPr marL="652463" indent="-227013"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22.xml"/><Relationship Id="rId7" Type="http://schemas.openxmlformats.org/officeDocument/2006/relationships/tags" Target="../tags/tag26.xml"/><Relationship Id="rId2" Type="http://schemas.openxmlformats.org/officeDocument/2006/relationships/tags" Target="../tags/tag21.xml"/><Relationship Id="rId1" Type="http://schemas.openxmlformats.org/officeDocument/2006/relationships/vmlDrawing" Target="../drawings/vmlDrawing3.vml"/><Relationship Id="rId6" Type="http://schemas.openxmlformats.org/officeDocument/2006/relationships/tags" Target="../tags/tag25.xml"/><Relationship Id="rId5" Type="http://schemas.openxmlformats.org/officeDocument/2006/relationships/tags" Target="../tags/tag24.xml"/><Relationship Id="rId10" Type="http://schemas.openxmlformats.org/officeDocument/2006/relationships/image" Target="../media/image4.jpeg"/><Relationship Id="rId4" Type="http://schemas.openxmlformats.org/officeDocument/2006/relationships/tags" Target="../tags/tag23.xml"/><Relationship Id="rId9"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71.xml"/><Relationship Id="rId7" Type="http://schemas.openxmlformats.org/officeDocument/2006/relationships/notesSlide" Target="../notesSlides/notesSlide9.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slideLayout" Target="../slideLayouts/slideLayout6.xml"/><Relationship Id="rId5" Type="http://schemas.openxmlformats.org/officeDocument/2006/relationships/tags" Target="../tags/tag73.xml"/><Relationship Id="rId4" Type="http://schemas.openxmlformats.org/officeDocument/2006/relationships/tags" Target="../tags/tag72.xml"/></Relationships>
</file>

<file path=ppt/slides/_rels/slide11.xml.rels><?xml version="1.0" encoding="UTF-8" standalone="yes"?>
<Relationships xmlns="http://schemas.openxmlformats.org/package/2006/relationships"><Relationship Id="rId8" Type="http://schemas.openxmlformats.org/officeDocument/2006/relationships/image" Target="../media/image8.png"/><Relationship Id="rId3" Type="http://schemas.openxmlformats.org/officeDocument/2006/relationships/tags" Target="../tags/tag76.xml"/><Relationship Id="rId7" Type="http://schemas.openxmlformats.org/officeDocument/2006/relationships/notesSlide" Target="../notesSlides/notesSlide10.xml"/><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slideLayout" Target="../slideLayouts/slideLayout6.xml"/><Relationship Id="rId5" Type="http://schemas.openxmlformats.org/officeDocument/2006/relationships/tags" Target="../tags/tag78.xml"/><Relationship Id="rId4" Type="http://schemas.openxmlformats.org/officeDocument/2006/relationships/tags" Target="../tags/tag77.xml"/></Relationships>
</file>

<file path=ppt/slides/_rels/slide12.xml.rels><?xml version="1.0" encoding="UTF-8" standalone="yes"?>
<Relationships xmlns="http://schemas.openxmlformats.org/package/2006/relationships"><Relationship Id="rId8" Type="http://schemas.openxmlformats.org/officeDocument/2006/relationships/notesSlide" Target="../notesSlides/notesSlide11.xml"/><Relationship Id="rId3" Type="http://schemas.openxmlformats.org/officeDocument/2006/relationships/tags" Target="../tags/tag81.xml"/><Relationship Id="rId7" Type="http://schemas.openxmlformats.org/officeDocument/2006/relationships/slideLayout" Target="../slideLayouts/slideLayout6.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tags" Target="../tags/tag84.xml"/><Relationship Id="rId5" Type="http://schemas.openxmlformats.org/officeDocument/2006/relationships/tags" Target="../tags/tag83.xml"/><Relationship Id="rId4" Type="http://schemas.openxmlformats.org/officeDocument/2006/relationships/tags" Target="../tags/tag82.xml"/><Relationship Id="rId9" Type="http://schemas.openxmlformats.org/officeDocument/2006/relationships/image" Target="../media/image9.jpeg"/></Relationships>
</file>

<file path=ppt/slides/_rels/slide13.xml.rels><?xml version="1.0" encoding="UTF-8" standalone="yes"?>
<Relationships xmlns="http://schemas.openxmlformats.org/package/2006/relationships"><Relationship Id="rId8" Type="http://schemas.openxmlformats.org/officeDocument/2006/relationships/hyperlink" Target="http://sharepoint.jpmchase.net/sites/sprrmxgr/TechExpo/Overview/products.aspx" TargetMode="External"/><Relationship Id="rId3" Type="http://schemas.openxmlformats.org/officeDocument/2006/relationships/tags" Target="../tags/tag87.xml"/><Relationship Id="rId7" Type="http://schemas.openxmlformats.org/officeDocument/2006/relationships/notesSlide" Target="../notesSlides/notesSlide12.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slideLayout" Target="../slideLayouts/slideLayout6.xml"/><Relationship Id="rId5" Type="http://schemas.openxmlformats.org/officeDocument/2006/relationships/tags" Target="../tags/tag89.xml"/><Relationship Id="rId4" Type="http://schemas.openxmlformats.org/officeDocument/2006/relationships/tags" Target="../tags/tag88.xml"/><Relationship Id="rId9" Type="http://schemas.openxmlformats.org/officeDocument/2006/relationships/image" Target="../media/image9.jpeg"/></Relationships>
</file>

<file path=ppt/slides/_rels/slide14.xml.rels><?xml version="1.0" encoding="UTF-8" standalone="yes"?>
<Relationships xmlns="http://schemas.openxmlformats.org/package/2006/relationships"><Relationship Id="rId8" Type="http://schemas.openxmlformats.org/officeDocument/2006/relationships/notesSlide" Target="../notesSlides/notesSlide13.xml"/><Relationship Id="rId3" Type="http://schemas.openxmlformats.org/officeDocument/2006/relationships/tags" Target="../tags/tag92.xml"/><Relationship Id="rId7" Type="http://schemas.openxmlformats.org/officeDocument/2006/relationships/slideLayout" Target="../slideLayouts/slideLayout6.xml"/><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tags" Target="../tags/tag95.xml"/><Relationship Id="rId5" Type="http://schemas.openxmlformats.org/officeDocument/2006/relationships/tags" Target="../tags/tag94.xml"/><Relationship Id="rId4" Type="http://schemas.openxmlformats.org/officeDocument/2006/relationships/tags" Target="../tags/tag93.xml"/><Relationship Id="rId9" Type="http://schemas.openxmlformats.org/officeDocument/2006/relationships/image" Target="../media/image10.png"/></Relationships>
</file>

<file path=ppt/slides/_rels/slide15.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98.xml"/><Relationship Id="rId7" Type="http://schemas.openxmlformats.org/officeDocument/2006/relationships/notesSlide" Target="../notesSlides/notesSlide14.xml"/><Relationship Id="rId2" Type="http://schemas.openxmlformats.org/officeDocument/2006/relationships/tags" Target="../tags/tag97.xml"/><Relationship Id="rId1" Type="http://schemas.openxmlformats.org/officeDocument/2006/relationships/tags" Target="../tags/tag96.xml"/><Relationship Id="rId6" Type="http://schemas.openxmlformats.org/officeDocument/2006/relationships/slideLayout" Target="../slideLayouts/slideLayout6.xml"/><Relationship Id="rId5" Type="http://schemas.openxmlformats.org/officeDocument/2006/relationships/tags" Target="../tags/tag100.xml"/><Relationship Id="rId4" Type="http://schemas.openxmlformats.org/officeDocument/2006/relationships/tags" Target="../tags/tag99.xml"/></Relationships>
</file>

<file path=ppt/slides/_rels/slide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ags" Target="../tags/tag29.xml"/><Relationship Id="rId7" Type="http://schemas.openxmlformats.org/officeDocument/2006/relationships/notesSlide" Target="../notesSlides/notesSlide1.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slideLayout" Target="../slideLayouts/slideLayout6.xml"/><Relationship Id="rId5" Type="http://schemas.openxmlformats.org/officeDocument/2006/relationships/tags" Target="../tags/tag31.xml"/><Relationship Id="rId4" Type="http://schemas.openxmlformats.org/officeDocument/2006/relationships/tags" Target="../tags/tag30.xml"/></Relationships>
</file>

<file path=ppt/slides/_rels/slide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34.xml"/><Relationship Id="rId7" Type="http://schemas.openxmlformats.org/officeDocument/2006/relationships/notesSlide" Target="../notesSlides/notesSlide2.xml"/><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slideLayout" Target="../slideLayouts/slideLayout6.xml"/><Relationship Id="rId5" Type="http://schemas.openxmlformats.org/officeDocument/2006/relationships/tags" Target="../tags/tag36.xml"/><Relationship Id="rId4" Type="http://schemas.openxmlformats.org/officeDocument/2006/relationships/tags" Target="../tags/tag35.xml"/></Relationships>
</file>

<file path=ppt/slides/_rels/slide4.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39.xml"/><Relationship Id="rId7" Type="http://schemas.openxmlformats.org/officeDocument/2006/relationships/notesSlide" Target="../notesSlides/notesSlide3.xml"/><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slideLayout" Target="../slideLayouts/slideLayout6.xml"/><Relationship Id="rId5" Type="http://schemas.openxmlformats.org/officeDocument/2006/relationships/tags" Target="../tags/tag41.xml"/><Relationship Id="rId4" Type="http://schemas.openxmlformats.org/officeDocument/2006/relationships/tags" Target="../tags/tag40.xml"/></Relationships>
</file>

<file path=ppt/slides/_rels/slide5.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44.xml"/><Relationship Id="rId7" Type="http://schemas.openxmlformats.org/officeDocument/2006/relationships/notesSlide" Target="../notesSlides/notesSlide4.xm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slideLayout" Target="../slideLayouts/slideLayout6.xml"/><Relationship Id="rId5" Type="http://schemas.openxmlformats.org/officeDocument/2006/relationships/tags" Target="../tags/tag46.xml"/><Relationship Id="rId4" Type="http://schemas.openxmlformats.org/officeDocument/2006/relationships/tags" Target="../tags/tag45.xml"/></Relationships>
</file>

<file path=ppt/slides/_rels/slide6.xml.rels><?xml version="1.0" encoding="UTF-8" standalone="yes"?>
<Relationships xmlns="http://schemas.openxmlformats.org/package/2006/relationships"><Relationship Id="rId8" Type="http://schemas.openxmlformats.org/officeDocument/2006/relationships/notesSlide" Target="../notesSlides/notesSlide5.xml"/><Relationship Id="rId3" Type="http://schemas.openxmlformats.org/officeDocument/2006/relationships/tags" Target="../tags/tag49.xml"/><Relationship Id="rId7" Type="http://schemas.openxmlformats.org/officeDocument/2006/relationships/slideLayout" Target="../slideLayouts/slideLayout6.xml"/><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tags" Target="../tags/tag52.xml"/><Relationship Id="rId5" Type="http://schemas.openxmlformats.org/officeDocument/2006/relationships/tags" Target="../tags/tag51.xml"/><Relationship Id="rId4" Type="http://schemas.openxmlformats.org/officeDocument/2006/relationships/tags" Target="../tags/tag50.xml"/><Relationship Id="rId9" Type="http://schemas.openxmlformats.org/officeDocument/2006/relationships/image" Target="../media/image7.jpeg"/></Relationships>
</file>

<file path=ppt/slides/_rels/slide7.xml.rels><?xml version="1.0" encoding="UTF-8" standalone="yes"?>
<Relationships xmlns="http://schemas.openxmlformats.org/package/2006/relationships"><Relationship Id="rId8" Type="http://schemas.openxmlformats.org/officeDocument/2006/relationships/hyperlink" Target="http://intranetportal.jpmorganchase.com/portal/site/wpr?_nfpb=true&amp;_pageLabel=ept_subhome_p_d&amp;u=295053&amp;mid=295053" TargetMode="External"/><Relationship Id="rId13" Type="http://schemas.openxmlformats.org/officeDocument/2006/relationships/hyperlink" Target="http://intranetportal.jpmorganchase.com/portal/site/wpr?_nfpb=true&amp;_pageLabel=ept_subhome_p_d&amp;u=606273&amp;mid=606273" TargetMode="External"/><Relationship Id="rId3" Type="http://schemas.openxmlformats.org/officeDocument/2006/relationships/tags" Target="../tags/tag55.xml"/><Relationship Id="rId7" Type="http://schemas.openxmlformats.org/officeDocument/2006/relationships/notesSlide" Target="../notesSlides/notesSlide6.xml"/><Relationship Id="rId12" Type="http://schemas.openxmlformats.org/officeDocument/2006/relationships/hyperlink" Target="http://intranetportal.jpmorganchase.com/portal/site/wpr?_nfpb=true&amp;_pageLabel=ept_subhome_p_d&amp;u=499263&amp;mid=499263" TargetMode="External"/><Relationship Id="rId2" Type="http://schemas.openxmlformats.org/officeDocument/2006/relationships/tags" Target="../tags/tag54.xml"/><Relationship Id="rId16" Type="http://schemas.openxmlformats.org/officeDocument/2006/relationships/image" Target="../media/image7.jpeg"/><Relationship Id="rId1" Type="http://schemas.openxmlformats.org/officeDocument/2006/relationships/tags" Target="../tags/tag53.xml"/><Relationship Id="rId6" Type="http://schemas.openxmlformats.org/officeDocument/2006/relationships/slideLayout" Target="../slideLayouts/slideLayout6.xml"/><Relationship Id="rId11" Type="http://schemas.openxmlformats.org/officeDocument/2006/relationships/hyperlink" Target="http://intranetportal.jpmorganchase.com/portal/site/wpr?_nfpb=true&amp;_pageLabel=ept_subhome_p_d&amp;u=294964&amp;mid=294964" TargetMode="External"/><Relationship Id="rId5" Type="http://schemas.openxmlformats.org/officeDocument/2006/relationships/tags" Target="../tags/tag57.xml"/><Relationship Id="rId15" Type="http://schemas.openxmlformats.org/officeDocument/2006/relationships/hyperlink" Target="http://intranetportal.jpmorganchase.com/portal/site/wpr?_nfpb=true&amp;_pageLabel=ept_subhome_p_d&amp;u=606257&amp;mid=606257" TargetMode="External"/><Relationship Id="rId10" Type="http://schemas.openxmlformats.org/officeDocument/2006/relationships/hyperlink" Target="http://intranetportal.jpmorganchase.com/portal/site/wpr?_nfpb=true&amp;_pageLabel=ept_subhome_p_d&amp;u=468312&amp;mid=468312" TargetMode="External"/><Relationship Id="rId4" Type="http://schemas.openxmlformats.org/officeDocument/2006/relationships/tags" Target="../tags/tag56.xml"/><Relationship Id="rId9" Type="http://schemas.openxmlformats.org/officeDocument/2006/relationships/hyperlink" Target="http://intranetportal.jpmorganchase.com/portal/site/wpr?_nfpb=true&amp;_pageLabel=ept_resources_p_a&amp;u=467504&amp;mid=467504" TargetMode="External"/><Relationship Id="rId14" Type="http://schemas.openxmlformats.org/officeDocument/2006/relationships/hyperlink" Target="http://intranetportal.jpmorganchase.com/portal/site/wpr?_nfpb=true&amp;_pageLabel=ept_contentdetail&amp;u=36187&amp;m=93a4a91f2795f010VgnVCMServer0c3d030aRCRD&amp;mid=36187" TargetMode="External"/></Relationships>
</file>

<file path=ppt/slides/_rels/slide8.xml.rels><?xml version="1.0" encoding="UTF-8" standalone="yes"?>
<Relationships xmlns="http://schemas.openxmlformats.org/package/2006/relationships"><Relationship Id="rId8" Type="http://schemas.openxmlformats.org/officeDocument/2006/relationships/image" Target="../media/image7.jpeg"/><Relationship Id="rId3" Type="http://schemas.openxmlformats.org/officeDocument/2006/relationships/tags" Target="../tags/tag60.xml"/><Relationship Id="rId7" Type="http://schemas.openxmlformats.org/officeDocument/2006/relationships/notesSlide" Target="../notesSlides/notesSlide7.xml"/><Relationship Id="rId2" Type="http://schemas.openxmlformats.org/officeDocument/2006/relationships/tags" Target="../tags/tag59.xml"/><Relationship Id="rId1" Type="http://schemas.openxmlformats.org/officeDocument/2006/relationships/tags" Target="../tags/tag58.xml"/><Relationship Id="rId6" Type="http://schemas.openxmlformats.org/officeDocument/2006/relationships/slideLayout" Target="../slideLayouts/slideLayout6.xml"/><Relationship Id="rId5" Type="http://schemas.openxmlformats.org/officeDocument/2006/relationships/tags" Target="../tags/tag62.xml"/><Relationship Id="rId4" Type="http://schemas.openxmlformats.org/officeDocument/2006/relationships/tags" Target="../tags/tag61.xml"/></Relationships>
</file>

<file path=ppt/slides/_rels/slide9.xml.rels><?xml version="1.0" encoding="UTF-8" standalone="yes"?>
<Relationships xmlns="http://schemas.openxmlformats.org/package/2006/relationships"><Relationship Id="rId8" Type="http://schemas.openxmlformats.org/officeDocument/2006/relationships/notesSlide" Target="../notesSlides/notesSlide8.xml"/><Relationship Id="rId3" Type="http://schemas.openxmlformats.org/officeDocument/2006/relationships/tags" Target="../tags/tag65.xml"/><Relationship Id="rId7" Type="http://schemas.openxmlformats.org/officeDocument/2006/relationships/slideLayout" Target="../slideLayouts/slideLayout6.xml"/><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tags" Target="../tags/tag68.xml"/><Relationship Id="rId5" Type="http://schemas.openxmlformats.org/officeDocument/2006/relationships/tags" Target="../tags/tag67.xml"/><Relationship Id="rId4" Type="http://schemas.openxmlformats.org/officeDocument/2006/relationships/tags" Target="../tags/tag66.xml"/><Relationship Id="rId9" Type="http://schemas.openxmlformats.org/officeDocument/2006/relationships/image" Target="../media/image8.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jpmDate"/>
          <p:cNvSpPr txBox="1">
            <a:spLocks noChangeArrowheads="1"/>
          </p:cNvSpPr>
          <p:nvPr>
            <p:custDataLst>
              <p:tags r:id="rId3"/>
            </p:custDataLst>
          </p:nvPr>
        </p:nvSpPr>
        <p:spPr bwMode="auto">
          <a:xfrm>
            <a:off x="6665913" y="530225"/>
            <a:ext cx="2743200" cy="228600"/>
          </a:xfrm>
          <a:prstGeom prst="rect">
            <a:avLst/>
          </a:prstGeom>
          <a:noFill/>
          <a:ln w="9525">
            <a:noFill/>
            <a:miter lim="800000"/>
            <a:headEnd/>
            <a:tailEnd/>
          </a:ln>
        </p:spPr>
        <p:txBody>
          <a:bodyPr wrap="none" lIns="0" tIns="0" rIns="0" bIns="0"/>
          <a:lstStyle/>
          <a:p>
            <a:pPr algn="r" eaLnBrk="0" hangingPunct="0">
              <a:lnSpc>
                <a:spcPts val="1500"/>
              </a:lnSpc>
            </a:pPr>
            <a:r>
              <a:rPr lang="en-US" sz="1200" dirty="0" smtClean="0">
                <a:solidFill>
                  <a:srgbClr val="264E84"/>
                </a:solidFill>
              </a:rPr>
              <a:t>N O V E M B E R   2 </a:t>
            </a:r>
            <a:r>
              <a:rPr lang="en-US" sz="1200" dirty="0">
                <a:solidFill>
                  <a:srgbClr val="264E84"/>
                </a:solidFill>
              </a:rPr>
              <a:t>0 1 0</a:t>
            </a:r>
            <a:endParaRPr lang="en-US" sz="1200" noProof="1">
              <a:solidFill>
                <a:srgbClr val="264E84"/>
              </a:solidFill>
            </a:endParaRPr>
          </a:p>
        </p:txBody>
      </p:sp>
      <p:sp>
        <p:nvSpPr>
          <p:cNvPr id="3076" name="Line 11"/>
          <p:cNvSpPr>
            <a:spLocks noChangeShapeType="1"/>
          </p:cNvSpPr>
          <p:nvPr>
            <p:custDataLst>
              <p:tags r:id="rId4"/>
            </p:custDataLst>
          </p:nvPr>
        </p:nvSpPr>
        <p:spPr bwMode="gray">
          <a:xfrm flipH="1">
            <a:off x="758825" y="3127375"/>
            <a:ext cx="0" cy="4279900"/>
          </a:xfrm>
          <a:prstGeom prst="line">
            <a:avLst/>
          </a:prstGeom>
          <a:noFill/>
          <a:ln w="4445">
            <a:solidFill>
              <a:schemeClr val="bg2"/>
            </a:solidFill>
            <a:round/>
            <a:headEnd/>
            <a:tailEnd/>
          </a:ln>
        </p:spPr>
        <p:txBody>
          <a:bodyPr wrap="none" anchor="ctr"/>
          <a:lstStyle/>
          <a:p>
            <a:endParaRPr lang="en-US"/>
          </a:p>
        </p:txBody>
      </p:sp>
      <p:sp>
        <p:nvSpPr>
          <p:cNvPr id="3077" name="jpmTitle"/>
          <p:cNvSpPr>
            <a:spLocks noChangeArrowheads="1"/>
          </p:cNvSpPr>
          <p:nvPr>
            <p:custDataLst>
              <p:tags r:id="rId5"/>
            </p:custDataLst>
          </p:nvPr>
        </p:nvSpPr>
        <p:spPr bwMode="gray">
          <a:xfrm>
            <a:off x="762000" y="2971800"/>
            <a:ext cx="8686800" cy="609600"/>
          </a:xfrm>
          <a:prstGeom prst="rect">
            <a:avLst/>
          </a:prstGeom>
          <a:solidFill>
            <a:schemeClr val="bg2"/>
          </a:solidFill>
          <a:ln w="9525">
            <a:noFill/>
            <a:miter lim="800000"/>
            <a:headEnd/>
            <a:tailEnd/>
          </a:ln>
        </p:spPr>
        <p:txBody>
          <a:bodyPr wrap="none" lIns="228600" tIns="0" rIns="2057400" bIns="0" anchor="ctr"/>
          <a:lstStyle/>
          <a:p>
            <a:pPr marL="7938" defTabSz="1019175" eaLnBrk="0" hangingPunct="0">
              <a:lnSpc>
                <a:spcPts val="1500"/>
              </a:lnSpc>
            </a:pPr>
            <a:r>
              <a:rPr lang="en-US" sz="1800" b="1" noProof="1" smtClean="0">
                <a:solidFill>
                  <a:srgbClr val="FFFFFF"/>
                </a:solidFill>
              </a:rPr>
              <a:t>Client Technology Services</a:t>
            </a:r>
            <a:endParaRPr lang="en-US" sz="1800" b="1" noProof="1">
              <a:solidFill>
                <a:srgbClr val="FFFFFF"/>
              </a:solidFill>
            </a:endParaRPr>
          </a:p>
        </p:txBody>
      </p:sp>
      <p:sp>
        <p:nvSpPr>
          <p:cNvPr id="3078" name="jpmSubtitle"/>
          <p:cNvSpPr>
            <a:spLocks noChangeArrowheads="1"/>
          </p:cNvSpPr>
          <p:nvPr>
            <p:custDataLst>
              <p:tags r:id="rId6"/>
            </p:custDataLst>
          </p:nvPr>
        </p:nvSpPr>
        <p:spPr bwMode="auto">
          <a:xfrm>
            <a:off x="758825" y="3813175"/>
            <a:ext cx="6099175" cy="457200"/>
          </a:xfrm>
          <a:prstGeom prst="rect">
            <a:avLst/>
          </a:prstGeom>
          <a:noFill/>
          <a:ln w="9525">
            <a:noFill/>
            <a:miter lim="800000"/>
            <a:headEnd/>
            <a:tailEnd/>
          </a:ln>
        </p:spPr>
        <p:txBody>
          <a:bodyPr lIns="228600" tIns="0" rIns="0" bIns="0"/>
          <a:lstStyle/>
          <a:p>
            <a:pPr eaLnBrk="0" hangingPunct="0">
              <a:lnSpc>
                <a:spcPct val="110000"/>
              </a:lnSpc>
            </a:pPr>
            <a:endParaRPr lang="en-GB" sz="1100" b="1">
              <a:solidFill>
                <a:schemeClr val="bg2"/>
              </a:solidFill>
              <a:latin typeface="Trebuchet MS" pitchFamily="34" charset="0"/>
            </a:endParaRPr>
          </a:p>
        </p:txBody>
      </p:sp>
      <p:sp>
        <p:nvSpPr>
          <p:cNvPr id="3079" name="jpmDocTracker"/>
          <p:cNvSpPr>
            <a:spLocks noChangeArrowheads="1"/>
          </p:cNvSpPr>
          <p:nvPr>
            <p:custDataLst>
              <p:tags r:id="rId7"/>
            </p:custDataLst>
          </p:nvPr>
        </p:nvSpPr>
        <p:spPr bwMode="auto">
          <a:xfrm rot="-5400000">
            <a:off x="-1344612" y="5248275"/>
            <a:ext cx="3959225" cy="136525"/>
          </a:xfrm>
          <a:prstGeom prst="rect">
            <a:avLst/>
          </a:prstGeom>
          <a:noFill/>
          <a:ln w="9525">
            <a:noFill/>
            <a:miter lim="800000"/>
            <a:headEnd/>
            <a:tailEnd/>
          </a:ln>
        </p:spPr>
        <p:txBody>
          <a:bodyPr wrap="none" lIns="0" tIns="0" rIns="0" bIns="0" anchor="b"/>
          <a:lstStyle/>
          <a:p>
            <a:pPr eaLnBrk="0" hangingPunct="0">
              <a:lnSpc>
                <a:spcPts val="1200"/>
              </a:lnSpc>
            </a:pPr>
            <a:r>
              <a:rPr lang="en-US" sz="1000" noProof="1">
                <a:solidFill>
                  <a:srgbClr val="808080"/>
                </a:solidFill>
              </a:rPr>
              <a:t> P R I V A T E   A N D   C O N F I D E N T I A L</a:t>
            </a:r>
          </a:p>
        </p:txBody>
      </p:sp>
      <p:sp>
        <p:nvSpPr>
          <p:cNvPr id="3080" name="Text Box 51"/>
          <p:cNvSpPr txBox="1">
            <a:spLocks noChangeArrowheads="1"/>
          </p:cNvSpPr>
          <p:nvPr/>
        </p:nvSpPr>
        <p:spPr bwMode="auto">
          <a:xfrm>
            <a:off x="838200" y="3810000"/>
            <a:ext cx="8610600" cy="1538883"/>
          </a:xfrm>
          <a:prstGeom prst="rect">
            <a:avLst/>
          </a:prstGeom>
          <a:noFill/>
          <a:ln w="9525">
            <a:noFill/>
            <a:miter lim="800000"/>
            <a:headEnd/>
            <a:tailEnd/>
          </a:ln>
        </p:spPr>
        <p:txBody>
          <a:bodyPr lIns="45720" rIns="45720">
            <a:spAutoFit/>
          </a:bodyPr>
          <a:lstStyle/>
          <a:p>
            <a:pPr marL="342900" indent="-342900" eaLnBrk="0" hangingPunct="0">
              <a:lnSpc>
                <a:spcPct val="110000"/>
              </a:lnSpc>
              <a:spcBef>
                <a:spcPct val="70000"/>
              </a:spcBef>
              <a:buClr>
                <a:srgbClr val="C0C0C0"/>
              </a:buClr>
              <a:buSzPct val="92000"/>
              <a:defRPr/>
            </a:pPr>
            <a:r>
              <a:rPr lang="en-US" sz="2000" b="1" dirty="0" smtClean="0">
                <a:solidFill>
                  <a:schemeClr val="bg2"/>
                </a:solidFill>
                <a:latin typeface="Trebuchet MS" pitchFamily="34" charset="0"/>
              </a:rPr>
              <a:t>Global Service Management</a:t>
            </a:r>
          </a:p>
          <a:p>
            <a:pPr marL="342900" indent="-342900" eaLnBrk="0" hangingPunct="0">
              <a:lnSpc>
                <a:spcPct val="110000"/>
              </a:lnSpc>
              <a:spcBef>
                <a:spcPct val="70000"/>
              </a:spcBef>
              <a:buClr>
                <a:srgbClr val="C0C0C0"/>
              </a:buClr>
              <a:buSzPct val="92000"/>
              <a:defRPr/>
            </a:pPr>
            <a:r>
              <a:rPr lang="en-US" sz="1800" b="1" dirty="0" smtClean="0">
                <a:solidFill>
                  <a:schemeClr val="bg2"/>
                </a:solidFill>
                <a:latin typeface="Trebuchet MS" pitchFamily="34" charset="0"/>
              </a:rPr>
              <a:t>Charlie Williamson</a:t>
            </a:r>
          </a:p>
          <a:p>
            <a:pPr marL="342900" indent="-342900" eaLnBrk="0" hangingPunct="0">
              <a:lnSpc>
                <a:spcPct val="110000"/>
              </a:lnSpc>
              <a:spcBef>
                <a:spcPct val="70000"/>
              </a:spcBef>
              <a:buClr>
                <a:srgbClr val="C0C0C0"/>
              </a:buClr>
              <a:buSzPct val="92000"/>
              <a:defRPr/>
            </a:pPr>
            <a:endParaRPr lang="en-US" sz="2000" b="1" dirty="0" smtClean="0">
              <a:solidFill>
                <a:schemeClr val="bg2"/>
              </a:solidFill>
              <a:latin typeface="Trebuchet MS" pitchFamily="34" charset="0"/>
            </a:endParaRPr>
          </a:p>
        </p:txBody>
      </p:sp>
      <p:graphicFrame>
        <p:nvGraphicFramePr>
          <p:cNvPr id="3074" name="Object 53"/>
          <p:cNvGraphicFramePr>
            <a:graphicFrameLocks noChangeAspect="1"/>
          </p:cNvGraphicFramePr>
          <p:nvPr/>
        </p:nvGraphicFramePr>
        <p:xfrm>
          <a:off x="781050" y="7258050"/>
          <a:ext cx="2057400" cy="190500"/>
        </p:xfrm>
        <a:graphic>
          <a:graphicData uri="http://schemas.openxmlformats.org/presentationml/2006/ole">
            <p:oleObj spid="_x0000_s3074" name="Photo Editor Photo" r:id="rId9" imgW="2057143" imgH="190426" progId="">
              <p:embed/>
            </p:oleObj>
          </a:graphicData>
        </a:graphic>
      </p:graphicFrame>
      <p:pic>
        <p:nvPicPr>
          <p:cNvPr id="3081" name="Picture 6" descr="CtsLogoNoBorder.jpg"/>
          <p:cNvPicPr>
            <a:picLocks noChangeAspect="1"/>
          </p:cNvPicPr>
          <p:nvPr/>
        </p:nvPicPr>
        <p:blipFill>
          <a:blip r:embed="rId10" cstate="print"/>
          <a:srcRect/>
          <a:stretch>
            <a:fillRect/>
          </a:stretch>
        </p:blipFill>
        <p:spPr bwMode="auto">
          <a:xfrm>
            <a:off x="7515225" y="7011988"/>
            <a:ext cx="2009775" cy="531812"/>
          </a:xfrm>
          <a:prstGeom prst="rect">
            <a:avLst/>
          </a:prstGeom>
          <a:noFill/>
          <a:ln w="9525">
            <a:noFill/>
            <a:miter lim="800000"/>
            <a:headEnd/>
            <a:tailEnd/>
          </a:ln>
        </p:spPr>
      </p:pic>
    </p:spTree>
    <p:custDataLst>
      <p:tags r:id="rId2"/>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Infrastructure Deployment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9</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39624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endParaRPr lang="en-US" dirty="0" smtClean="0"/>
          </a:p>
        </p:txBody>
      </p:sp>
      <p:pic>
        <p:nvPicPr>
          <p:cNvPr id="8" name="Picture 2"/>
          <p:cNvPicPr>
            <a:picLocks noChangeAspect="1" noChangeArrowheads="1"/>
          </p:cNvPicPr>
          <p:nvPr/>
        </p:nvPicPr>
        <p:blipFill>
          <a:blip r:embed="rId8" cstate="print"/>
          <a:srcRect/>
          <a:stretch>
            <a:fillRect/>
          </a:stretch>
        </p:blipFill>
        <p:spPr bwMode="auto">
          <a:xfrm>
            <a:off x="4419600" y="448466"/>
            <a:ext cx="1042647" cy="923134"/>
          </a:xfrm>
          <a:prstGeom prst="rect">
            <a:avLst/>
          </a:prstGeom>
          <a:noFill/>
          <a:ln w="9525">
            <a:noFill/>
            <a:miter lim="800000"/>
            <a:headEnd/>
            <a:tailEnd/>
          </a:ln>
        </p:spPr>
      </p:pic>
      <p:sp>
        <p:nvSpPr>
          <p:cNvPr id="9" name="TextBox 8"/>
          <p:cNvSpPr txBox="1"/>
          <p:nvPr/>
        </p:nvSpPr>
        <p:spPr>
          <a:xfrm>
            <a:off x="3429000" y="2743200"/>
            <a:ext cx="5029200" cy="600164"/>
          </a:xfrm>
          <a:prstGeom prst="rect">
            <a:avLst/>
          </a:prstGeom>
          <a:noFill/>
        </p:spPr>
        <p:txBody>
          <a:bodyPr wrap="square" rtlCol="0">
            <a:spAutoFit/>
          </a:bodyPr>
          <a:lstStyle/>
          <a:p>
            <a:r>
              <a:rPr lang="en-US" sz="1100" dirty="0" smtClean="0">
                <a:solidFill>
                  <a:srgbClr val="C00000"/>
                </a:solidFill>
              </a:rPr>
              <a:t>The information provided by Rob for this section was too granular.</a:t>
            </a:r>
          </a:p>
          <a:p>
            <a:r>
              <a:rPr lang="en-US" sz="1100" dirty="0" smtClean="0">
                <a:solidFill>
                  <a:srgbClr val="C00000"/>
                </a:solidFill>
              </a:rPr>
              <a:t>He is  now consolidating Achievements for his area into easily understood “themes” . </a:t>
            </a:r>
            <a:endParaRPr lang="en-US" sz="1100" dirty="0">
              <a:solidFill>
                <a:srgbClr val="C00000"/>
              </a:solidFill>
            </a:endParaRPr>
          </a:p>
        </p:txBody>
      </p:sp>
    </p:spTree>
    <p:custDataLst>
      <p:tags r:id="rId1"/>
    </p:custData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Infrastructure Deployment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10</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53340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rea</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ment</a:t>
            </a:r>
            <a:endParaRPr lang="en-US" dirty="0" smtClean="0"/>
          </a:p>
        </p:txBody>
      </p:sp>
      <p:pic>
        <p:nvPicPr>
          <p:cNvPr id="9" name="Picture 2"/>
          <p:cNvPicPr>
            <a:picLocks noChangeAspect="1" noChangeArrowheads="1"/>
          </p:cNvPicPr>
          <p:nvPr/>
        </p:nvPicPr>
        <p:blipFill>
          <a:blip r:embed="rId8" cstate="print"/>
          <a:srcRect/>
          <a:stretch>
            <a:fillRect/>
          </a:stretch>
        </p:blipFill>
        <p:spPr bwMode="auto">
          <a:xfrm>
            <a:off x="4419600" y="448466"/>
            <a:ext cx="1042647" cy="923134"/>
          </a:xfrm>
          <a:prstGeom prst="rect">
            <a:avLst/>
          </a:prstGeom>
          <a:noFill/>
          <a:ln w="9525">
            <a:noFill/>
            <a:miter lim="800000"/>
            <a:headEnd/>
            <a:tailEnd/>
          </a:ln>
        </p:spPr>
      </p:pic>
      <p:sp>
        <p:nvSpPr>
          <p:cNvPr id="8" name="TextBox 7"/>
          <p:cNvSpPr txBox="1"/>
          <p:nvPr/>
        </p:nvSpPr>
        <p:spPr>
          <a:xfrm>
            <a:off x="3429000" y="2743200"/>
            <a:ext cx="5029200" cy="600164"/>
          </a:xfrm>
          <a:prstGeom prst="rect">
            <a:avLst/>
          </a:prstGeom>
          <a:noFill/>
        </p:spPr>
        <p:txBody>
          <a:bodyPr wrap="square" rtlCol="0">
            <a:spAutoFit/>
          </a:bodyPr>
          <a:lstStyle/>
          <a:p>
            <a:r>
              <a:rPr lang="en-US" sz="1100" dirty="0" smtClean="0">
                <a:solidFill>
                  <a:srgbClr val="C00000"/>
                </a:solidFill>
              </a:rPr>
              <a:t>The information provided by Rob for this section was too granular.</a:t>
            </a:r>
          </a:p>
          <a:p>
            <a:r>
              <a:rPr lang="en-US" sz="1100" dirty="0" smtClean="0">
                <a:solidFill>
                  <a:srgbClr val="C00000"/>
                </a:solidFill>
              </a:rPr>
              <a:t>He is  now consolidating Achievements for his area into easily understood “themes” . </a:t>
            </a:r>
            <a:endParaRPr lang="en-US" sz="1100" dirty="0">
              <a:solidFill>
                <a:srgbClr val="C00000"/>
              </a:solidFill>
            </a:endParaRPr>
          </a:p>
        </p:txBody>
      </p:sp>
    </p:spTree>
    <p:custDataLst>
      <p:tags r:id="rId1"/>
    </p:custData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Solutions Engineering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11</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What we do</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9812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endParaRPr lang="en-US" dirty="0"/>
          </a:p>
        </p:txBody>
      </p:sp>
      <p:sp>
        <p:nvSpPr>
          <p:cNvPr id="8" name="Rectangle 5"/>
          <p:cNvSpPr>
            <a:spLocks noChangeArrowheads="1"/>
          </p:cNvSpPr>
          <p:nvPr>
            <p:custDataLst>
              <p:tags r:id="rId6"/>
            </p:custDataLst>
          </p:nvPr>
        </p:nvSpPr>
        <p:spPr bwMode="gray">
          <a:xfrm>
            <a:off x="1366838" y="21336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r>
              <a:rPr lang="en-US" dirty="0" smtClean="0"/>
              <a:t>The Solutions Engineering </a:t>
            </a:r>
            <a:r>
              <a:rPr lang="en-US" dirty="0" smtClean="0"/>
              <a:t>team provides support  to </a:t>
            </a:r>
            <a:r>
              <a:rPr lang="en-US" dirty="0" smtClean="0"/>
              <a:t>all </a:t>
            </a:r>
            <a:r>
              <a:rPr lang="en-US" dirty="0" smtClean="0"/>
              <a:t>technology groups and </a:t>
            </a:r>
            <a:r>
              <a:rPr lang="en-US" dirty="0" smtClean="0"/>
              <a:t>lines of business by </a:t>
            </a:r>
            <a:r>
              <a:rPr lang="en-US" dirty="0" smtClean="0"/>
              <a:t>developing large scale solutions and related </a:t>
            </a:r>
            <a:r>
              <a:rPr lang="en-US" dirty="0" smtClean="0"/>
              <a:t>metrics and reporting</a:t>
            </a:r>
            <a:r>
              <a:rPr lang="en-US" dirty="0" smtClean="0"/>
              <a:t>.  </a:t>
            </a:r>
            <a:br>
              <a:rPr lang="en-US" dirty="0" smtClean="0"/>
            </a:br>
            <a:r>
              <a:rPr lang="en-US" dirty="0" smtClean="0"/>
              <a:t/>
            </a:r>
            <a:br>
              <a:rPr lang="en-US" dirty="0" smtClean="0"/>
            </a:b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work with all stakeholders to identify and eliminate pain points and inefficient processes by developing custom </a:t>
            </a:r>
            <a:r>
              <a:rPr lang="en-US" dirty="0" smtClean="0"/>
              <a:t>solutions such as the Smart Print web portal, providing cost transparency for File &amp; Print usage</a:t>
            </a:r>
          </a:p>
          <a:p>
            <a:pPr marL="666750" lvl="2" indent="-207963" defTabSz="1019175" eaLnBrk="0" hangingPunct="0">
              <a:spcBef>
                <a:spcPts val="900"/>
              </a:spcBef>
              <a:buClr>
                <a:schemeClr val="bg2"/>
              </a:buClr>
              <a:buSzPct val="92000"/>
              <a:buFont typeface="Wingdings" pitchFamily="2" charset="2"/>
              <a:buChar char="§"/>
            </a:pPr>
            <a:r>
              <a:rPr lang="en-US" dirty="0" smtClean="0"/>
              <a:t>We conceive and develop </a:t>
            </a:r>
            <a:r>
              <a:rPr lang="en-US" dirty="0" smtClean="0"/>
              <a:t>innovations such as SmartPrint</a:t>
            </a:r>
            <a:r>
              <a:rPr lang="en-US" dirty="0" smtClean="0"/>
              <a:t>, </a:t>
            </a:r>
            <a:r>
              <a:rPr lang="en-US" dirty="0" smtClean="0"/>
              <a:t>Usage Based Billing, and Mobile Printing capabilities </a:t>
            </a:r>
            <a:r>
              <a:rPr lang="en-US" dirty="0" smtClean="0"/>
              <a:t>that are not currently  part of the core </a:t>
            </a:r>
            <a:r>
              <a:rPr lang="en-US" dirty="0" smtClean="0"/>
              <a:t>desktop build or product offering</a:t>
            </a: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a:t>
            </a:r>
            <a:r>
              <a:rPr lang="en-US" dirty="0" smtClean="0"/>
              <a:t>provide CTS solutions and implementation expertise that leverage a broad set of technologies </a:t>
            </a:r>
            <a:r>
              <a:rPr lang="en-US" dirty="0" smtClean="0"/>
              <a:t>and span </a:t>
            </a:r>
            <a:r>
              <a:rPr lang="en-US" dirty="0" smtClean="0"/>
              <a:t>multiple </a:t>
            </a:r>
            <a:r>
              <a:rPr lang="en-US" dirty="0" smtClean="0"/>
              <a:t>towers</a:t>
            </a:r>
            <a:endParaRPr lang="en-US" dirty="0" smtClean="0"/>
          </a:p>
        </p:txBody>
      </p:sp>
      <p:pic>
        <p:nvPicPr>
          <p:cNvPr id="9" name="Picture 8" descr="SolutionsEng.jpg"/>
          <p:cNvPicPr>
            <a:picLocks noChangeAspect="1"/>
          </p:cNvPicPr>
          <p:nvPr/>
        </p:nvPicPr>
        <p:blipFill>
          <a:blip r:embed="rId9" cstate="print"/>
          <a:stretch>
            <a:fillRect/>
          </a:stretch>
        </p:blipFill>
        <p:spPr>
          <a:xfrm>
            <a:off x="3886200" y="528903"/>
            <a:ext cx="1358899" cy="766497"/>
          </a:xfrm>
          <a:prstGeom prst="rect">
            <a:avLst/>
          </a:prstGeom>
        </p:spPr>
      </p:pic>
    </p:spTree>
    <p:custDataLst>
      <p:tags r:id="rId1"/>
    </p:custData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Solutions Engineering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12</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53340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SmartPrint (YTD)</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64,000 users have been moved to </a:t>
            </a:r>
            <a:r>
              <a:rPr lang="en-US" sz="1200" dirty="0" smtClean="0"/>
              <a:t>SmartPrint</a:t>
            </a:r>
          </a:p>
          <a:p>
            <a:pPr marL="666750" lvl="2" indent="-207963" defTabSz="1019175" eaLnBrk="0" hangingPunct="0">
              <a:spcBef>
                <a:spcPts val="900"/>
              </a:spcBef>
              <a:buClr>
                <a:schemeClr val="bg2"/>
              </a:buClr>
              <a:buSzPct val="100000"/>
              <a:buFont typeface="Wingdings" pitchFamily="2" charset="2"/>
              <a:buChar char="§"/>
            </a:pPr>
            <a:r>
              <a:rPr lang="en-US" sz="1200" dirty="0" smtClean="0"/>
              <a:t>5,100  printer devices deployed</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22,700 legacy printer devices removed</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Streamlined the creation of user print queues by providing on-demand deployment (over 120,000 logon </a:t>
            </a:r>
            <a:r>
              <a:rPr lang="en-US" sz="1200" dirty="0" smtClean="0"/>
              <a:t>script touches </a:t>
            </a:r>
            <a:r>
              <a:rPr lang="en-US" sz="1200" dirty="0" smtClean="0"/>
              <a:t>eliminated)</a:t>
            </a:r>
          </a:p>
          <a:p>
            <a:pPr marL="666750" lvl="2" indent="-207963" defTabSz="1019175" eaLnBrk="0" hangingPunct="0">
              <a:spcBef>
                <a:spcPts val="900"/>
              </a:spcBef>
              <a:buClr>
                <a:schemeClr val="bg2"/>
              </a:buClr>
              <a:buSzPct val="100000"/>
              <a:buFont typeface="Wingdings" pitchFamily="2" charset="2"/>
              <a:buChar char="§"/>
            </a:pPr>
            <a:r>
              <a:rPr lang="en-US" sz="1200" dirty="0" smtClean="0"/>
              <a:t>$10.7MM  saves for 2010</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Usage </a:t>
            </a:r>
            <a:r>
              <a:rPr lang="en-US" sz="1200" dirty="0" smtClean="0"/>
              <a:t>Based Billing</a:t>
            </a:r>
          </a:p>
          <a:p>
            <a:pPr marL="666750" lvl="2" indent="-207963" defTabSz="1019175" eaLnBrk="0" hangingPunct="0">
              <a:spcBef>
                <a:spcPts val="900"/>
              </a:spcBef>
              <a:buClr>
                <a:schemeClr val="bg2"/>
              </a:buClr>
              <a:buSzPct val="100000"/>
              <a:buFont typeface="Wingdings" pitchFamily="2" charset="2"/>
              <a:buChar char="§"/>
            </a:pPr>
            <a:r>
              <a:rPr lang="en-US" sz="1200" dirty="0" smtClean="0"/>
              <a:t>$41.6MM </a:t>
            </a:r>
            <a:r>
              <a:rPr lang="en-US" sz="1200" dirty="0" smtClean="0"/>
              <a:t>recovered from LOBs through </a:t>
            </a:r>
            <a:r>
              <a:rPr lang="en-US" sz="1200" dirty="0" smtClean="0"/>
              <a:t>end of Oct 2010 </a:t>
            </a:r>
            <a:r>
              <a:rPr lang="en-US" sz="1200" dirty="0" smtClean="0"/>
              <a:t>for </a:t>
            </a:r>
            <a:r>
              <a:rPr lang="en-US" sz="1200" dirty="0" smtClean="0"/>
              <a:t>data </a:t>
            </a:r>
            <a:r>
              <a:rPr lang="en-US" sz="1200" dirty="0" smtClean="0"/>
              <a:t>storage</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File &amp; </a:t>
            </a:r>
            <a:r>
              <a:rPr lang="en-US" sz="1200" dirty="0" smtClean="0"/>
              <a:t>Print</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91.7MM recovered </a:t>
            </a:r>
            <a:r>
              <a:rPr lang="en-US" sz="1200" dirty="0" smtClean="0"/>
              <a:t>from LOBs through </a:t>
            </a:r>
            <a:r>
              <a:rPr lang="en-US" sz="1200" dirty="0" smtClean="0"/>
              <a:t>end of Oct 2010 </a:t>
            </a:r>
            <a:r>
              <a:rPr lang="en-US" sz="1200" dirty="0" smtClean="0"/>
              <a:t> </a:t>
            </a:r>
            <a:r>
              <a:rPr lang="en-US" sz="1200" dirty="0" smtClean="0"/>
              <a:t>for file and print </a:t>
            </a:r>
            <a:r>
              <a:rPr lang="en-US" sz="1200" dirty="0" smtClean="0"/>
              <a:t>charges</a:t>
            </a:r>
          </a:p>
          <a:p>
            <a:pPr marL="666750" lvl="2" indent="-207963" defTabSz="1019175" eaLnBrk="0" hangingPunct="0">
              <a:spcBef>
                <a:spcPts val="900"/>
              </a:spcBef>
              <a:buClr>
                <a:schemeClr val="bg2"/>
              </a:buClr>
              <a:buSzPct val="100000"/>
              <a:buFont typeface="Wingdings" pitchFamily="2" charset="2"/>
              <a:buChar char="§"/>
            </a:pP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Tech Expo</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Planned, organized and executed a </a:t>
            </a:r>
            <a:r>
              <a:rPr lang="en-US" sz="1200" dirty="0" smtClean="0">
                <a:hlinkClick r:id="rId8"/>
              </a:rPr>
              <a:t>Technology Expo</a:t>
            </a:r>
            <a:r>
              <a:rPr lang="en-US" sz="1200" dirty="0" smtClean="0"/>
              <a:t> in New York showcasing CTS’s latest technology innovations. </a:t>
            </a:r>
            <a:r>
              <a:rPr lang="en-US" sz="1200" dirty="0" smtClean="0"/>
              <a:t/>
            </a:r>
            <a:br>
              <a:rPr lang="en-US" sz="1200" dirty="0" smtClean="0"/>
            </a:br>
            <a:endParaRPr lang="en-US" sz="1200" dirty="0" smtClean="0"/>
          </a:p>
        </p:txBody>
      </p:sp>
      <p:pic>
        <p:nvPicPr>
          <p:cNvPr id="8" name="Picture 7" descr="SolutionsEng.jpg"/>
          <p:cNvPicPr>
            <a:picLocks noChangeAspect="1"/>
          </p:cNvPicPr>
          <p:nvPr/>
        </p:nvPicPr>
        <p:blipFill>
          <a:blip r:embed="rId9" cstate="print"/>
          <a:stretch>
            <a:fillRect/>
          </a:stretch>
        </p:blipFill>
        <p:spPr>
          <a:xfrm>
            <a:off x="3886200" y="528903"/>
            <a:ext cx="1358899" cy="766497"/>
          </a:xfrm>
          <a:prstGeom prst="rect">
            <a:avLst/>
          </a:prstGeom>
        </p:spPr>
      </p:pic>
    </p:spTree>
    <p:custDataLst>
      <p:tags r:id="rId1"/>
    </p:custData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Global Business Office</a:t>
            </a:r>
            <a:r>
              <a:rPr lang="en-US" dirty="0" smtClean="0"/>
              <a:t> </a:t>
            </a:r>
            <a:endParaRPr lang="en-US" dirty="0" smtClean="0"/>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13</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What we do</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9812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endParaRPr lang="en-US" dirty="0"/>
          </a:p>
        </p:txBody>
      </p:sp>
      <p:sp>
        <p:nvSpPr>
          <p:cNvPr id="8" name="Rectangle 5"/>
          <p:cNvSpPr>
            <a:spLocks noChangeArrowheads="1"/>
          </p:cNvSpPr>
          <p:nvPr>
            <p:custDataLst>
              <p:tags r:id="rId6"/>
            </p:custDataLst>
          </p:nvPr>
        </p:nvSpPr>
        <p:spPr bwMode="gray">
          <a:xfrm>
            <a:off x="1366838" y="21336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r>
              <a:rPr lang="en-US" dirty="0" smtClean="0"/>
              <a:t>The </a:t>
            </a:r>
            <a:r>
              <a:rPr lang="en-US" dirty="0" smtClean="0"/>
              <a:t>Global Business Office team provides __________________</a:t>
            </a:r>
            <a:r>
              <a:rPr lang="en-US" dirty="0" smtClean="0"/>
              <a:t>.  </a:t>
            </a:r>
            <a:r>
              <a:rPr lang="en-US" dirty="0" smtClean="0"/>
              <a:t/>
            </a:r>
            <a:br>
              <a:rPr lang="en-US" dirty="0" smtClean="0"/>
            </a:br>
            <a:r>
              <a:rPr lang="en-US" dirty="0" smtClean="0"/>
              <a:t/>
            </a:r>
            <a:br>
              <a:rPr lang="en-US" dirty="0" smtClean="0"/>
            </a:b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work </a:t>
            </a:r>
            <a:r>
              <a:rPr lang="en-US" dirty="0" smtClean="0"/>
              <a:t>with</a:t>
            </a:r>
          </a:p>
          <a:p>
            <a:pPr marL="666750" lvl="2" indent="-207963" defTabSz="1019175" eaLnBrk="0" hangingPunct="0">
              <a:spcBef>
                <a:spcPts val="900"/>
              </a:spcBef>
              <a:buClr>
                <a:schemeClr val="bg2"/>
              </a:buClr>
              <a:buSzPct val="92000"/>
              <a:buFont typeface="Wingdings" pitchFamily="2" charset="2"/>
              <a:buChar char="§"/>
            </a:pP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a:t>
            </a:r>
            <a:endParaRPr lang="en-US" dirty="0" smtClean="0"/>
          </a:p>
        </p:txBody>
      </p:sp>
      <p:sp>
        <p:nvSpPr>
          <p:cNvPr id="11" name="TextBox 10"/>
          <p:cNvSpPr txBox="1"/>
          <p:nvPr/>
        </p:nvSpPr>
        <p:spPr>
          <a:xfrm>
            <a:off x="3962400" y="3429000"/>
            <a:ext cx="5029200" cy="307777"/>
          </a:xfrm>
          <a:prstGeom prst="rect">
            <a:avLst/>
          </a:prstGeom>
          <a:noFill/>
        </p:spPr>
        <p:txBody>
          <a:bodyPr wrap="square" rtlCol="0">
            <a:spAutoFit/>
          </a:bodyPr>
          <a:lstStyle/>
          <a:p>
            <a:r>
              <a:rPr lang="en-US" dirty="0" smtClean="0">
                <a:solidFill>
                  <a:srgbClr val="C00000"/>
                </a:solidFill>
              </a:rPr>
              <a:t>Saleh to provide information</a:t>
            </a:r>
            <a:endParaRPr lang="en-US" dirty="0">
              <a:solidFill>
                <a:srgbClr val="C00000"/>
              </a:solidFill>
            </a:endParaRPr>
          </a:p>
        </p:txBody>
      </p:sp>
      <p:pic>
        <p:nvPicPr>
          <p:cNvPr id="34819" name="Picture 3"/>
          <p:cNvPicPr>
            <a:picLocks noChangeAspect="1" noChangeArrowheads="1"/>
          </p:cNvPicPr>
          <p:nvPr/>
        </p:nvPicPr>
        <p:blipFill>
          <a:blip r:embed="rId9" cstate="print"/>
          <a:srcRect/>
          <a:stretch>
            <a:fillRect/>
          </a:stretch>
        </p:blipFill>
        <p:spPr bwMode="auto">
          <a:xfrm>
            <a:off x="3886200" y="429924"/>
            <a:ext cx="1143000" cy="941676"/>
          </a:xfrm>
          <a:prstGeom prst="rect">
            <a:avLst/>
          </a:prstGeom>
          <a:noFill/>
          <a:ln w="9525">
            <a:noFill/>
            <a:miter lim="800000"/>
            <a:headEnd/>
            <a:tailEnd/>
          </a:ln>
        </p:spPr>
      </p:pic>
    </p:spTree>
    <p:custDataLst>
      <p:tags r:id="rId1"/>
    </p:custData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Global Business </a:t>
            </a:r>
            <a:r>
              <a:rPr lang="en-US" dirty="0" smtClean="0"/>
              <a:t>Office</a:t>
            </a:r>
            <a:endParaRPr lang="en-US" dirty="0" smtClean="0"/>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14</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53340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chievement</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Bullet </a:t>
            </a:r>
            <a:endParaRPr lang="en-US" sz="1200" dirty="0" smtClean="0"/>
          </a:p>
          <a:p>
            <a:pPr marL="666750" lvl="2" indent="-207963" defTabSz="1019175" eaLnBrk="0" hangingPunct="0">
              <a:spcBef>
                <a:spcPts val="900"/>
              </a:spcBef>
              <a:buClr>
                <a:schemeClr val="bg2"/>
              </a:buClr>
              <a:buSzPct val="100000"/>
              <a:buFont typeface="Wingdings" pitchFamily="2" charset="2"/>
              <a:buChar char="§"/>
            </a:pPr>
            <a:r>
              <a:rPr lang="en-US" sz="1200" dirty="0" smtClean="0"/>
              <a:t>Bullet</a:t>
            </a:r>
            <a:br>
              <a:rPr lang="en-US" sz="1200" dirty="0" smtClean="0"/>
            </a:b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Bullet </a:t>
            </a:r>
          </a:p>
          <a:p>
            <a:pPr marL="666750" lvl="2" indent="-207963" defTabSz="1019175" eaLnBrk="0" hangingPunct="0">
              <a:spcBef>
                <a:spcPts val="900"/>
              </a:spcBef>
              <a:buClr>
                <a:schemeClr val="bg2"/>
              </a:buClr>
              <a:buSzPct val="100000"/>
              <a:buFont typeface="Wingdings" pitchFamily="2" charset="2"/>
              <a:buChar char="§"/>
            </a:pPr>
            <a:r>
              <a:rPr lang="en-US" sz="1200" dirty="0" smtClean="0"/>
              <a:t>Bullet </a:t>
            </a:r>
            <a:endParaRPr lang="en-US" sz="1200" dirty="0" smtClean="0"/>
          </a:p>
          <a:p>
            <a:pPr marL="666750" lvl="2" indent="-207963" defTabSz="1019175" eaLnBrk="0" hangingPunct="0">
              <a:spcBef>
                <a:spcPts val="900"/>
              </a:spcBef>
              <a:buClr>
                <a:schemeClr val="bg2"/>
              </a:buClr>
              <a:buSzPct val="100000"/>
              <a:buFont typeface="Wingdings" pitchFamily="2" charset="2"/>
              <a:buChar char="§"/>
            </a:pPr>
            <a:endParaRPr lang="en-US" sz="1200" dirty="0" smtClean="0"/>
          </a:p>
          <a:p>
            <a:pPr marL="209550" lvl="1" indent="-207963" defTabSz="1019175" eaLnBrk="0" hangingPunct="0">
              <a:spcBef>
                <a:spcPts val="900"/>
              </a:spcBef>
              <a:buClr>
                <a:schemeClr val="bg2"/>
              </a:buClr>
              <a:buSzPct val="92000"/>
              <a:buFont typeface="Wingdings" pitchFamily="2" charset="2"/>
              <a:buChar char="n"/>
            </a:pPr>
            <a:r>
              <a:rPr lang="en-US" sz="1200" dirty="0" smtClean="0"/>
              <a:t>Achie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Bullet </a:t>
            </a:r>
          </a:p>
          <a:p>
            <a:pPr marL="666750" lvl="2" indent="-207963" defTabSz="1019175" eaLnBrk="0" hangingPunct="0">
              <a:spcBef>
                <a:spcPts val="900"/>
              </a:spcBef>
              <a:buClr>
                <a:schemeClr val="bg2"/>
              </a:buClr>
              <a:buSzPct val="100000"/>
              <a:buFont typeface="Wingdings" pitchFamily="2" charset="2"/>
              <a:buChar char="§"/>
            </a:pPr>
            <a:r>
              <a:rPr lang="en-US" sz="1200" dirty="0" smtClean="0"/>
              <a:t>Bullet </a:t>
            </a:r>
            <a:r>
              <a:rPr lang="en-US" sz="1200" dirty="0" smtClean="0"/>
              <a:t/>
            </a:r>
            <a:br>
              <a:rPr lang="en-US" sz="1200" dirty="0" smtClean="0"/>
            </a:br>
            <a:endParaRPr lang="en-US" sz="1200" dirty="0" smtClean="0"/>
          </a:p>
        </p:txBody>
      </p:sp>
      <p:sp>
        <p:nvSpPr>
          <p:cNvPr id="9" name="TextBox 8"/>
          <p:cNvSpPr txBox="1"/>
          <p:nvPr/>
        </p:nvSpPr>
        <p:spPr>
          <a:xfrm>
            <a:off x="3962400" y="3429000"/>
            <a:ext cx="5029200" cy="307777"/>
          </a:xfrm>
          <a:prstGeom prst="rect">
            <a:avLst/>
          </a:prstGeom>
          <a:noFill/>
        </p:spPr>
        <p:txBody>
          <a:bodyPr wrap="square" rtlCol="0">
            <a:spAutoFit/>
          </a:bodyPr>
          <a:lstStyle/>
          <a:p>
            <a:r>
              <a:rPr lang="en-US" dirty="0" smtClean="0">
                <a:solidFill>
                  <a:srgbClr val="C00000"/>
                </a:solidFill>
              </a:rPr>
              <a:t>Saleh to provide information</a:t>
            </a:r>
            <a:endParaRPr lang="en-US" dirty="0">
              <a:solidFill>
                <a:srgbClr val="C00000"/>
              </a:solidFill>
            </a:endParaRPr>
          </a:p>
        </p:txBody>
      </p:sp>
      <p:pic>
        <p:nvPicPr>
          <p:cNvPr id="10" name="Picture 3"/>
          <p:cNvPicPr>
            <a:picLocks noChangeAspect="1" noChangeArrowheads="1"/>
          </p:cNvPicPr>
          <p:nvPr/>
        </p:nvPicPr>
        <p:blipFill>
          <a:blip r:embed="rId8" cstate="print"/>
          <a:srcRect/>
          <a:stretch>
            <a:fillRect/>
          </a:stretch>
        </p:blipFill>
        <p:spPr bwMode="auto">
          <a:xfrm>
            <a:off x="3886200" y="429924"/>
            <a:ext cx="1143000" cy="941676"/>
          </a:xfrm>
          <a:prstGeom prst="rect">
            <a:avLst/>
          </a:prstGeom>
          <a:noFill/>
          <a:ln w="9525">
            <a:noFill/>
            <a:miter lim="800000"/>
            <a:headEnd/>
            <a:tailEnd/>
          </a:ln>
        </p:spPr>
      </p:pic>
    </p:spTree>
    <p:custDataLst>
      <p:tags r:id="rId1"/>
    </p:custData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a:solidFill>
                  <a:srgbClr val="808080"/>
                </a:solidFill>
                <a:latin typeface="Trebuchet MS" pitchFamily="34" charset="0"/>
              </a:rPr>
              <a:t>1</a:t>
            </a: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grpSp>
        <p:nvGrpSpPr>
          <p:cNvPr id="12" name="Group 11"/>
          <p:cNvGrpSpPr/>
          <p:nvPr/>
        </p:nvGrpSpPr>
        <p:grpSpPr>
          <a:xfrm>
            <a:off x="1295400" y="1447800"/>
            <a:ext cx="7467600" cy="4227731"/>
            <a:chOff x="1295400" y="1447800"/>
            <a:chExt cx="7467600" cy="4227731"/>
          </a:xfrm>
        </p:grpSpPr>
        <p:sp>
          <p:nvSpPr>
            <p:cNvPr id="5128" name="Rectangle 5"/>
            <p:cNvSpPr>
              <a:spLocks noChangeArrowheads="1"/>
            </p:cNvSpPr>
            <p:nvPr>
              <p:custDataLst>
                <p:tags r:id="rId4"/>
              </p:custDataLst>
            </p:nvPr>
          </p:nvSpPr>
          <p:spPr bwMode="gray">
            <a:xfrm>
              <a:off x="1295400" y="1752600"/>
              <a:ext cx="5486400" cy="2895600"/>
            </a:xfrm>
            <a:prstGeom prst="rect">
              <a:avLst/>
            </a:prstGeom>
            <a:noFill/>
            <a:ln w="6350">
              <a:noFill/>
              <a:miter lim="800000"/>
              <a:headEnd/>
              <a:tailEnd/>
            </a:ln>
          </p:spPr>
          <p:txBody>
            <a:bodyPr tIns="36576" rIns="36576" bIns="36576"/>
            <a:lstStyle/>
            <a:p>
              <a:pPr marL="209550" lvl="1" indent="-207963" defTabSz="1019175" eaLnBrk="0" hangingPunct="0">
                <a:lnSpc>
                  <a:spcPct val="150000"/>
                </a:lnSpc>
                <a:spcBef>
                  <a:spcPts val="900"/>
                </a:spcBef>
                <a:buClr>
                  <a:schemeClr val="bg2"/>
                </a:buClr>
                <a:buSzPct val="92000"/>
              </a:pPr>
              <a:r>
                <a:rPr lang="en-US" dirty="0" smtClean="0"/>
                <a:t/>
              </a:r>
              <a:br>
                <a:rPr lang="en-US" dirty="0" smtClean="0"/>
              </a:br>
              <a:r>
                <a:rPr lang="en-US" dirty="0" smtClean="0"/>
                <a:t>Headed by </a:t>
              </a:r>
              <a:r>
                <a:rPr lang="en-US" sz="1300" b="1" dirty="0" smtClean="0"/>
                <a:t>Charlie </a:t>
              </a:r>
              <a:r>
                <a:rPr lang="en-US" sz="1300" b="1" dirty="0" smtClean="0"/>
                <a:t>Williamson</a:t>
              </a:r>
              <a:r>
                <a:rPr lang="en-US" dirty="0" smtClean="0"/>
                <a:t>, the </a:t>
              </a:r>
              <a:r>
                <a:rPr lang="en-US" dirty="0" smtClean="0"/>
                <a:t>Global Service Management </a:t>
              </a:r>
              <a:r>
                <a:rPr lang="en-US" dirty="0" smtClean="0"/>
                <a:t>organization within GTI Client Technology Services </a:t>
              </a:r>
              <a:r>
                <a:rPr lang="en-US" dirty="0" smtClean="0"/>
                <a:t>helps align the firm’s technology products and services efforts to meet business demand by instituting a common set of processes that maximize utilization of the firm’s technology assets and establish best practices that foster continuous improvement.  </a:t>
              </a:r>
            </a:p>
            <a:p>
              <a:pPr marL="209550" lvl="1" indent="-207963" defTabSz="1019175" eaLnBrk="0" hangingPunct="0">
                <a:spcBef>
                  <a:spcPts val="900"/>
                </a:spcBef>
                <a:buClr>
                  <a:schemeClr val="bg2"/>
                </a:buClr>
                <a:buSzPct val="92000"/>
              </a:pPr>
              <a:endParaRPr lang="en-US" dirty="0" smtClean="0"/>
            </a:p>
            <a:p>
              <a:pPr marL="209550" lvl="1" indent="-207963" defTabSz="1019175" eaLnBrk="0" hangingPunct="0">
                <a:spcBef>
                  <a:spcPts val="900"/>
                </a:spcBef>
                <a:buClr>
                  <a:schemeClr val="bg2"/>
                </a:buClr>
                <a:buSzPct val="92000"/>
              </a:pPr>
              <a:endParaRPr lang="en-US" dirty="0" smtClean="0"/>
            </a:p>
            <a:p>
              <a:pPr marL="209550" lvl="1" indent="-207963" defTabSz="1019175" eaLnBrk="0" hangingPunct="0">
                <a:spcBef>
                  <a:spcPts val="900"/>
                </a:spcBef>
                <a:buClr>
                  <a:schemeClr val="bg2"/>
                </a:buClr>
                <a:buSzPct val="92000"/>
              </a:pPr>
              <a:endParaRPr lang="en-US" dirty="0" smtClean="0"/>
            </a:p>
            <a:p>
              <a:pPr marL="209550" lvl="1" indent="-207963" defTabSz="1019175" eaLnBrk="0" hangingPunct="0">
                <a:spcBef>
                  <a:spcPts val="900"/>
                </a:spcBef>
                <a:buClr>
                  <a:schemeClr val="bg2"/>
                </a:buClr>
                <a:buSzPct val="92000"/>
              </a:pPr>
              <a:endParaRPr lang="en-US" dirty="0" smtClean="0"/>
            </a:p>
            <a:p>
              <a:pPr marL="209550" lvl="1" indent="-207963" defTabSz="1019175" eaLnBrk="0" hangingPunct="0">
                <a:spcBef>
                  <a:spcPts val="900"/>
                </a:spcBef>
                <a:buClr>
                  <a:schemeClr val="bg2"/>
                </a:buClr>
                <a:buSzPct val="92000"/>
              </a:pPr>
              <a:endParaRPr lang="en-US" dirty="0" smtClean="0"/>
            </a:p>
            <a:p>
              <a:pPr marL="209550" lvl="1" indent="-207963" defTabSz="1019175" eaLnBrk="0" hangingPunct="0">
                <a:spcBef>
                  <a:spcPts val="900"/>
                </a:spcBef>
                <a:buClr>
                  <a:schemeClr val="bg2"/>
                </a:buClr>
                <a:buSzPct val="92000"/>
              </a:pPr>
              <a:r>
                <a:rPr lang="en-US" dirty="0" smtClean="0"/>
                <a:t>	</a:t>
              </a:r>
            </a:p>
          </p:txBody>
        </p:sp>
        <p:sp>
          <p:nvSpPr>
            <p:cNvPr id="15" name="Text Box 12"/>
            <p:cNvSpPr txBox="1">
              <a:spLocks noChangeArrowheads="1"/>
            </p:cNvSpPr>
            <p:nvPr>
              <p:custDataLst>
                <p:tags r:id="rId5"/>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algn="ctr" defTabSz="819150"/>
              <a:r>
                <a:rPr lang="en-US" sz="1600" b="1" dirty="0" smtClean="0">
                  <a:solidFill>
                    <a:schemeClr val="bg1"/>
                  </a:solidFill>
                </a:rPr>
                <a:t>Global Service Management</a:t>
              </a:r>
              <a:endParaRPr lang="en-US" sz="1600" b="1" dirty="0">
                <a:solidFill>
                  <a:schemeClr val="bg1"/>
                </a:solidFill>
              </a:endParaRPr>
            </a:p>
          </p:txBody>
        </p:sp>
        <p:sp>
          <p:nvSpPr>
            <p:cNvPr id="16" name="Rectangle 15"/>
            <p:cNvSpPr/>
            <p:nvPr/>
          </p:nvSpPr>
          <p:spPr>
            <a:xfrm>
              <a:off x="1447800" y="5029200"/>
              <a:ext cx="7315200" cy="646331"/>
            </a:xfrm>
            <a:prstGeom prst="rect">
              <a:avLst/>
            </a:prstGeom>
          </p:spPr>
          <p:txBody>
            <a:bodyPr wrap="square">
              <a:spAutoFit/>
            </a:bodyPr>
            <a:lstStyle/>
            <a:p>
              <a:endParaRPr lang="en-US" sz="1200" dirty="0" smtClean="0"/>
            </a:p>
            <a:p>
              <a:r>
                <a:rPr lang="en-US" sz="1200" dirty="0" smtClean="0"/>
                <a:t>Client Technology Services supports over 290,000 global workstations, e-mail and collaboration accounts and all core end-user technology components in use across JPMorgan Chase. </a:t>
              </a:r>
              <a:endParaRPr lang="en-US" sz="1200" dirty="0"/>
            </a:p>
          </p:txBody>
        </p:sp>
        <p:pic>
          <p:nvPicPr>
            <p:cNvPr id="34818" name="Picture 2"/>
            <p:cNvPicPr>
              <a:picLocks noChangeAspect="1" noChangeArrowheads="1"/>
            </p:cNvPicPr>
            <p:nvPr/>
          </p:nvPicPr>
          <p:blipFill>
            <a:blip r:embed="rId8" cstate="print"/>
            <a:stretch>
              <a:fillRect/>
            </a:stretch>
          </p:blipFill>
          <p:spPr bwMode="auto">
            <a:xfrm>
              <a:off x="7103807" y="2133600"/>
              <a:ext cx="1125793" cy="106680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cxnSp>
          <p:nvCxnSpPr>
            <p:cNvPr id="11" name="Straight Connector 10"/>
            <p:cNvCxnSpPr/>
            <p:nvPr/>
          </p:nvCxnSpPr>
          <p:spPr bwMode="auto">
            <a:xfrm>
              <a:off x="1600200" y="5029200"/>
              <a:ext cx="6705600" cy="0"/>
            </a:xfrm>
            <a:prstGeom prst="line">
              <a:avLst/>
            </a:prstGeom>
            <a:noFill/>
            <a:ln w="9525" cap="flat" cmpd="sng" algn="ctr">
              <a:solidFill>
                <a:schemeClr val="tx1"/>
              </a:solidFill>
              <a:prstDash val="solid"/>
              <a:round/>
              <a:headEnd type="none" w="med" len="med"/>
              <a:tailEnd type="none" w="med" len="med"/>
            </a:ln>
            <a:effectLst/>
          </p:spPr>
        </p:cxnSp>
      </p:grpSp>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Process Management &amp; Controls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a:solidFill>
                  <a:srgbClr val="808080"/>
                </a:solidFill>
                <a:latin typeface="Trebuchet MS" pitchFamily="34" charset="0"/>
              </a:rPr>
              <a:t>2</a:t>
            </a: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What we do</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9812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r>
              <a:rPr lang="en-US" dirty="0" smtClean="0"/>
              <a:t/>
            </a:r>
            <a:br>
              <a:rPr lang="en-US" dirty="0" smtClean="0"/>
            </a:br>
            <a:r>
              <a:rPr lang="en-US" dirty="0" smtClean="0"/>
              <a:t>The Process Management &amp; Controls team performs reviews of the use of the incident, problem, change and capacity management processes, as well as project, audit and compliance processes across CTS. </a:t>
            </a:r>
            <a:br>
              <a:rPr lang="en-US" dirty="0" smtClean="0"/>
            </a:b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work with technicians form Engineering and Operations within the CTS organization to ensure compliance with GTI and firm processes</a:t>
            </a:r>
          </a:p>
          <a:p>
            <a:pPr marL="666750" lvl="2" indent="-207963" defTabSz="1019175" eaLnBrk="0" hangingPunct="0">
              <a:spcBef>
                <a:spcPts val="900"/>
              </a:spcBef>
              <a:buClr>
                <a:schemeClr val="bg2"/>
              </a:buClr>
              <a:buSzPct val="92000"/>
              <a:buFont typeface="Wingdings" pitchFamily="2" charset="2"/>
              <a:buChar char="§"/>
            </a:pPr>
            <a:r>
              <a:rPr lang="en-US" dirty="0" smtClean="0"/>
              <a:t>We provide CTS focused enhancements to those processes to provide transparency to CTS services and identify areas for targeted service improvements</a:t>
            </a:r>
          </a:p>
          <a:p>
            <a:pPr marL="666750" lvl="2" indent="-207963" defTabSz="1019175" eaLnBrk="0" hangingPunct="0">
              <a:spcBef>
                <a:spcPts val="900"/>
              </a:spcBef>
              <a:buClr>
                <a:schemeClr val="bg2"/>
              </a:buClr>
              <a:buSzPct val="92000"/>
              <a:buFont typeface="Wingdings" pitchFamily="2" charset="2"/>
              <a:buChar char="§"/>
            </a:pPr>
            <a:r>
              <a:rPr lang="en-US" dirty="0" smtClean="0"/>
              <a:t>We provide Project Management compliance and oversight, including assistance on issues related to projects at risk</a:t>
            </a:r>
          </a:p>
          <a:p>
            <a:pPr marL="666750" lvl="2" indent="-207963" defTabSz="1019175" eaLnBrk="0" hangingPunct="0">
              <a:spcBef>
                <a:spcPts val="900"/>
              </a:spcBef>
              <a:buClr>
                <a:schemeClr val="bg2"/>
              </a:buClr>
              <a:buSzPct val="92000"/>
              <a:buFont typeface="Wingdings" pitchFamily="2" charset="2"/>
              <a:buChar char="§"/>
            </a:pPr>
            <a:r>
              <a:rPr lang="en-US" dirty="0" smtClean="0"/>
              <a:t>We work across other  GTI areas to resolve process and service deficiencies within the service provided to our LOB clients and high-level program assistance to CTS and GTI strategic initiatives.</a:t>
            </a:r>
            <a:endParaRPr lang="en-US" dirty="0"/>
          </a:p>
        </p:txBody>
      </p:sp>
      <p:pic>
        <p:nvPicPr>
          <p:cNvPr id="9" name="Picture 8" descr="performance.bmp"/>
          <p:cNvPicPr>
            <a:picLocks noChangeAspect="1"/>
          </p:cNvPicPr>
          <p:nvPr/>
        </p:nvPicPr>
        <p:blipFill>
          <a:blip r:embed="rId8" cstate="print"/>
          <a:stretch>
            <a:fillRect/>
          </a:stretch>
        </p:blipFill>
        <p:spPr>
          <a:xfrm>
            <a:off x="5257800" y="457200"/>
            <a:ext cx="1419224" cy="847659"/>
          </a:xfrm>
          <a:prstGeom prst="rect">
            <a:avLst/>
          </a:prstGeom>
        </p:spPr>
      </p:pic>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Process Management &amp; Controls</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3</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700962" cy="53340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Merger </a:t>
            </a:r>
          </a:p>
          <a:p>
            <a:pPr marL="666750" lvl="2" indent="-207963" defTabSz="1019175" eaLnBrk="0" hangingPunct="0">
              <a:spcBef>
                <a:spcPts val="900"/>
              </a:spcBef>
              <a:buClr>
                <a:schemeClr val="bg2"/>
              </a:buClr>
              <a:buSzPct val="100000"/>
              <a:buFont typeface="Wingdings" pitchFamily="2" charset="2"/>
              <a:buChar char="§"/>
            </a:pPr>
            <a:r>
              <a:rPr lang="en-US" sz="1200" dirty="0" smtClean="0"/>
              <a:t>Assisted Retail in the migration of 8,000 desktops from h-WaMu to the standard JPMC desktop</a:t>
            </a:r>
          </a:p>
          <a:p>
            <a:pPr marL="666750" lvl="2" indent="-207963" defTabSz="1019175" eaLnBrk="0" hangingPunct="0">
              <a:spcBef>
                <a:spcPts val="900"/>
              </a:spcBef>
              <a:buClr>
                <a:schemeClr val="bg2"/>
              </a:buClr>
              <a:buSzPct val="100000"/>
              <a:buFont typeface="Wingdings" pitchFamily="2" charset="2"/>
              <a:buChar char="§"/>
            </a:pPr>
            <a:r>
              <a:rPr lang="en-US" sz="1200" dirty="0" smtClean="0"/>
              <a:t>Worked on business case for Retail’s conversion and rollout of CCW application across home lending’s h-WaMu desktops</a:t>
            </a:r>
          </a:p>
          <a:p>
            <a:pPr marL="666750" lvl="2" indent="-207963" defTabSz="1019175" eaLnBrk="0" hangingPunct="0">
              <a:spcBef>
                <a:spcPts val="900"/>
              </a:spcBef>
              <a:buClr>
                <a:schemeClr val="bg2"/>
              </a:buClr>
              <a:buSzPct val="100000"/>
              <a:buFont typeface="Wingdings" pitchFamily="2" charset="2"/>
              <a:buChar char="§"/>
            </a:pPr>
            <a:r>
              <a:rPr lang="en-US" sz="1200" dirty="0" smtClean="0"/>
              <a:t>Developed file share strategy with Commercial Bank.  Assisted in refresh of desktop footprint and replacement of strategic desktop platform for 900 users</a:t>
            </a:r>
          </a:p>
          <a:p>
            <a:pPr marL="209550" lvl="1" indent="-207963" defTabSz="1019175" eaLnBrk="0" hangingPunct="0">
              <a:spcBef>
                <a:spcPts val="900"/>
              </a:spcBef>
              <a:buClr>
                <a:schemeClr val="bg2"/>
              </a:buClr>
              <a:buSzPct val="92000"/>
              <a:buFont typeface="Wingdings" pitchFamily="2" charset="2"/>
              <a:buChar char="n"/>
            </a:pPr>
            <a:r>
              <a:rPr lang="en-US" sz="1200" dirty="0" smtClean="0"/>
              <a:t>Problem &amp; Incident Manag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Achieved reductions in aging incident tickets from a weekly average of 2635 to 1493</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Average time to repair” for P1 events from 3.5, 2.58, 2.37 to 1.31, 2.29,2.07 for S1, S2 and S3 respectively.  These improvements were a result of increased focus on reduction and resiliency gaps and improvements in focus on service restoration</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Incident ticket quality from 9.5% scores of defect tickets at the start of 2010 to 5.5%</a:t>
            </a:r>
          </a:p>
          <a:p>
            <a:pPr marL="666750" lvl="2" indent="-207963" defTabSz="1019175" eaLnBrk="0" hangingPunct="0">
              <a:spcBef>
                <a:spcPts val="900"/>
              </a:spcBef>
              <a:buClr>
                <a:schemeClr val="bg2"/>
              </a:buClr>
              <a:buSzPct val="100000"/>
              <a:buFont typeface="Wingdings" pitchFamily="2" charset="2"/>
              <a:buChar char="§"/>
            </a:pPr>
            <a:r>
              <a:rPr lang="en-US" sz="1200" dirty="0" smtClean="0"/>
              <a:t>Increased average RCAs per month from 11 to 14 while reducing the average time to close from 163 days to 73 days and reforecast close times from .46 to .12</a:t>
            </a:r>
          </a:p>
          <a:p>
            <a:pPr marL="209550" lvl="1" indent="-207963" defTabSz="1019175" eaLnBrk="0" hangingPunct="0">
              <a:spcBef>
                <a:spcPts val="900"/>
              </a:spcBef>
              <a:buClr>
                <a:schemeClr val="bg2"/>
              </a:buClr>
              <a:buSzPct val="92000"/>
              <a:buFont typeface="Wingdings" pitchFamily="2" charset="2"/>
              <a:buChar char="n"/>
            </a:pPr>
            <a:r>
              <a:rPr lang="en-US" sz="1200" dirty="0" smtClean="0"/>
              <a:t>Change Manag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transparency of changes across CTS and provided RCAs and process improvements for 100% of CTS failed changes</a:t>
            </a:r>
          </a:p>
          <a:p>
            <a:pPr marL="666750" lvl="2" indent="-207963" defTabSz="1019175" eaLnBrk="0" hangingPunct="0">
              <a:spcBef>
                <a:spcPts val="900"/>
              </a:spcBef>
              <a:buClr>
                <a:schemeClr val="bg2"/>
              </a:buClr>
              <a:buSzPct val="100000"/>
              <a:buFont typeface="Wingdings" pitchFamily="2" charset="2"/>
              <a:buChar char="§"/>
            </a:pPr>
            <a:r>
              <a:rPr lang="en-US" sz="1200" dirty="0" smtClean="0"/>
              <a:t>Initiated a change activation program to improve change implementation and to avoid  future change failures.  2010 improvement in change activation issues from 97.75%  to  98.35%</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response rates on CTS changes from 97.05% “on-time” to 99.01%users</a:t>
            </a:r>
            <a:endParaRPr lang="en-US" dirty="0" smtClean="0"/>
          </a:p>
        </p:txBody>
      </p:sp>
      <p:pic>
        <p:nvPicPr>
          <p:cNvPr id="7" name="Picture 6" descr="performance.bmp"/>
          <p:cNvPicPr>
            <a:picLocks noChangeAspect="1"/>
          </p:cNvPicPr>
          <p:nvPr/>
        </p:nvPicPr>
        <p:blipFill>
          <a:blip r:embed="rId8" cstate="print"/>
          <a:stretch>
            <a:fillRect/>
          </a:stretch>
        </p:blipFill>
        <p:spPr>
          <a:xfrm>
            <a:off x="5257800" y="457200"/>
            <a:ext cx="1419224" cy="847659"/>
          </a:xfrm>
          <a:prstGeom prst="rect">
            <a:avLst/>
          </a:prstGeom>
        </p:spPr>
      </p:pic>
    </p:spTree>
    <p:custDataLst>
      <p:tags r:id="rId1"/>
    </p:custData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Process Management &amp; Controls</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4</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52578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Capacity Planning</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IPX scores for new server install requests from 16% in April 2010 to 95% and for new storage install requests for CTS in PRIME from 17% in April 2010 to 100%    </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compliance with filing actions to remediate capacity breaches from 0% to 73% for NAS File/Print areas (CTS-DIO) and 5% to 32% for e-mail areas (GEIO)</a:t>
            </a:r>
          </a:p>
          <a:p>
            <a:pPr marL="666750" lvl="2" indent="-207963" defTabSz="1019175" eaLnBrk="0" hangingPunct="0">
              <a:spcBef>
                <a:spcPts val="900"/>
              </a:spcBef>
              <a:buClr>
                <a:schemeClr val="bg2"/>
              </a:buClr>
              <a:buSzPct val="100000"/>
              <a:buFont typeface="Wingdings" pitchFamily="2" charset="2"/>
              <a:buChar char="§"/>
            </a:pPr>
            <a:r>
              <a:rPr lang="en-US" sz="1200" dirty="0" smtClean="0"/>
              <a:t>Automated daily reporting extracts of Exchange, Enterprise Vault and created &amp; automated a daily reporting extract of BES Blackberry Enterprise Services.</a:t>
            </a:r>
          </a:p>
          <a:p>
            <a:pPr marL="666750" lvl="2" indent="-207963" defTabSz="1019175" eaLnBrk="0" hangingPunct="0">
              <a:spcBef>
                <a:spcPts val="900"/>
              </a:spcBef>
              <a:buClr>
                <a:schemeClr val="bg2"/>
              </a:buClr>
              <a:buSzPct val="100000"/>
              <a:buFont typeface="Wingdings" pitchFamily="2" charset="2"/>
              <a:buChar char="§"/>
            </a:pPr>
            <a:r>
              <a:rPr lang="en-US" sz="1200" dirty="0" smtClean="0"/>
              <a:t>Enhanced  forecasting views to help operational teams plan against predicted shortfalls</a:t>
            </a:r>
          </a:p>
          <a:p>
            <a:pPr marL="209550" lvl="1" indent="-207963" defTabSz="1019175" eaLnBrk="0" hangingPunct="0">
              <a:spcBef>
                <a:spcPts val="900"/>
              </a:spcBef>
              <a:buClr>
                <a:schemeClr val="bg2"/>
              </a:buClr>
              <a:buSzPct val="92000"/>
              <a:buFont typeface="Wingdings" pitchFamily="2" charset="2"/>
              <a:buChar char="n"/>
            </a:pPr>
            <a:r>
              <a:rPr lang="en-US" sz="1200" dirty="0" smtClean="0"/>
              <a:t>Project Process Improvement</a:t>
            </a:r>
          </a:p>
          <a:p>
            <a:pPr marL="666750" lvl="2" indent="-207963" defTabSz="1019175" eaLnBrk="0" hangingPunct="0">
              <a:spcBef>
                <a:spcPts val="900"/>
              </a:spcBef>
              <a:buClr>
                <a:schemeClr val="bg2"/>
              </a:buClr>
              <a:buSzPct val="100000"/>
              <a:buFont typeface="Wingdings" pitchFamily="2" charset="2"/>
              <a:buChar char="§"/>
            </a:pPr>
            <a:r>
              <a:rPr lang="en-US" sz="1200" dirty="0" smtClean="0"/>
              <a:t>Implemented an internal project compliance review for CTS and ISS projects that has improved compliance metrics and project management practices  from 36% to 89% with a high of 100%</a:t>
            </a:r>
          </a:p>
          <a:p>
            <a:pPr marL="666750" lvl="2" indent="-207963" defTabSz="1019175" eaLnBrk="0" hangingPunct="0">
              <a:spcBef>
                <a:spcPts val="900"/>
              </a:spcBef>
              <a:buClr>
                <a:schemeClr val="bg2"/>
              </a:buClr>
              <a:buSzPct val="100000"/>
              <a:buFont typeface="Wingdings" pitchFamily="2" charset="2"/>
              <a:buChar char="§"/>
            </a:pPr>
            <a:r>
              <a:rPr lang="en-US" sz="1200" dirty="0" smtClean="0"/>
              <a:t>Completed the migration of 14,000 RightFax users form the h-Bear infrastructure to the strategic JPMC fax solution saving more than $500K in software and hardware costs.</a:t>
            </a:r>
          </a:p>
          <a:p>
            <a:pPr marL="666750" lvl="2" indent="-207963" defTabSz="1019175" eaLnBrk="0" hangingPunct="0">
              <a:spcBef>
                <a:spcPts val="900"/>
              </a:spcBef>
              <a:buClr>
                <a:schemeClr val="bg2"/>
              </a:buClr>
              <a:buSzPct val="100000"/>
              <a:buFont typeface="Wingdings" pitchFamily="2" charset="2"/>
              <a:buChar char="§"/>
            </a:pPr>
            <a:r>
              <a:rPr lang="en-US" sz="1200" dirty="0" smtClean="0"/>
              <a:t>Developed desktop canvassing tools that helped the WaMu desktop conversion</a:t>
            </a:r>
          </a:p>
          <a:p>
            <a:pPr marL="209550" lvl="1" indent="-207963" defTabSz="1019175" eaLnBrk="0" hangingPunct="0">
              <a:spcBef>
                <a:spcPts val="900"/>
              </a:spcBef>
              <a:buClr>
                <a:schemeClr val="bg2"/>
              </a:buClr>
              <a:buSzPct val="92000"/>
              <a:buFont typeface="Wingdings" pitchFamily="2" charset="2"/>
              <a:buChar char="n"/>
            </a:pPr>
            <a:r>
              <a:rPr lang="en-US" sz="1200" dirty="0" smtClean="0"/>
              <a:t>Audit</a:t>
            </a:r>
          </a:p>
          <a:p>
            <a:pPr marL="666750" lvl="2" indent="-207963" defTabSz="1019175" eaLnBrk="0" hangingPunct="0">
              <a:spcBef>
                <a:spcPts val="900"/>
              </a:spcBef>
              <a:buClr>
                <a:schemeClr val="bg2"/>
              </a:buClr>
              <a:buSzPct val="100000"/>
              <a:buFont typeface="Wingdings" pitchFamily="2" charset="2"/>
              <a:buChar char="§"/>
            </a:pPr>
            <a:r>
              <a:rPr lang="en-US" sz="1200" dirty="0" smtClean="0"/>
              <a:t>Consolidated 26 CTS Assessments to 16 reducing duplicate CSA reporting. Created a Process and Scorecard tracking Action Plans to completion. Reduced ate Action Plans from 7 to zero.</a:t>
            </a:r>
          </a:p>
          <a:p>
            <a:pPr marL="666750" lvl="2" indent="-207963" defTabSz="1019175" eaLnBrk="0" hangingPunct="0">
              <a:spcBef>
                <a:spcPts val="900"/>
              </a:spcBef>
              <a:buClr>
                <a:schemeClr val="bg2"/>
              </a:buClr>
              <a:buSzPct val="100000"/>
              <a:buFont typeface="Wingdings" pitchFamily="2" charset="2"/>
              <a:buChar char="§"/>
            </a:pPr>
            <a:r>
              <a:rPr lang="en-US" sz="1200" dirty="0" smtClean="0"/>
              <a:t>Created a CTS &amp; ISS Museum (Product Life Cycle) scorecard tracking CTS progress and volumes. Remediated 4,954 out of 7,287 Museum Breaks</a:t>
            </a:r>
          </a:p>
          <a:p>
            <a:pPr marL="666750" lvl="2" indent="-207963" defTabSz="1019175" eaLnBrk="0" hangingPunct="0">
              <a:spcBef>
                <a:spcPts val="900"/>
              </a:spcBef>
              <a:buClr>
                <a:schemeClr val="bg2"/>
              </a:buClr>
              <a:buSzPct val="100000"/>
              <a:buFont typeface="Wingdings" pitchFamily="2" charset="2"/>
              <a:buChar char="§"/>
            </a:pPr>
            <a:r>
              <a:rPr lang="en-US" sz="1200" dirty="0" smtClean="0"/>
              <a:t>Improved CTS &amp; ISS’ ITRIMS Compliancy in all Security Tools categories.  Reduced CTS Total Vulnerability Risk Score by over 60% from the beginning of the year</a:t>
            </a:r>
            <a:endParaRPr lang="en-US" sz="1800" dirty="0"/>
          </a:p>
        </p:txBody>
      </p:sp>
      <p:pic>
        <p:nvPicPr>
          <p:cNvPr id="8" name="Picture 7" descr="performance.bmp"/>
          <p:cNvPicPr>
            <a:picLocks noChangeAspect="1"/>
          </p:cNvPicPr>
          <p:nvPr/>
        </p:nvPicPr>
        <p:blipFill>
          <a:blip r:embed="rId8" cstate="print"/>
          <a:stretch>
            <a:fillRect/>
          </a:stretch>
        </p:blipFill>
        <p:spPr>
          <a:xfrm>
            <a:off x="5257800" y="457200"/>
            <a:ext cx="1419224" cy="847659"/>
          </a:xfrm>
          <a:prstGeom prst="rect">
            <a:avLst/>
          </a:prstGeom>
        </p:spPr>
      </p:pic>
    </p:spTree>
    <p:custDataLst>
      <p:tags r:id="rId1"/>
    </p:custData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Service Transformation</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5</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What we do</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9812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endParaRPr lang="en-US" dirty="0"/>
          </a:p>
        </p:txBody>
      </p:sp>
      <p:sp>
        <p:nvSpPr>
          <p:cNvPr id="8" name="Rectangle 5"/>
          <p:cNvSpPr>
            <a:spLocks noChangeArrowheads="1"/>
          </p:cNvSpPr>
          <p:nvPr>
            <p:custDataLst>
              <p:tags r:id="rId6"/>
            </p:custDataLst>
          </p:nvPr>
        </p:nvSpPr>
        <p:spPr bwMode="gray">
          <a:xfrm>
            <a:off x="1295400" y="1981200"/>
            <a:ext cx="7239000" cy="48006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r>
              <a:rPr lang="en-US" dirty="0" smtClean="0"/>
              <a:t/>
            </a:r>
            <a:br>
              <a:rPr lang="en-US" dirty="0" smtClean="0"/>
            </a:br>
            <a:r>
              <a:rPr lang="en-US" dirty="0" smtClean="0"/>
              <a:t>The Service Transformation team provides support for several functions within CTS and GTI, including support for internal and external communications to all GTI-supported clients, definition, documentation and standardization of all CTS processes, and the creation and maintenance of end user knowledge on the firmwide intranet for the CTS product portfolio.</a:t>
            </a:r>
            <a:br>
              <a:rPr lang="en-US" dirty="0" smtClean="0"/>
            </a:br>
            <a:endParaRPr lang="en-US" dirty="0" smtClean="0"/>
          </a:p>
          <a:p>
            <a:pPr marL="666750" lvl="2" indent="-207963" defTabSz="1019175" eaLnBrk="0" hangingPunct="0">
              <a:spcBef>
                <a:spcPts val="900"/>
              </a:spcBef>
              <a:buClr>
                <a:schemeClr val="bg2"/>
              </a:buClr>
              <a:buSzPct val="92000"/>
              <a:buFont typeface="Wingdings" pitchFamily="2" charset="2"/>
              <a:buChar char="§"/>
            </a:pPr>
            <a:r>
              <a:rPr lang="en-US" dirty="0" smtClean="0"/>
              <a:t>We work with CTS product owners to provide communications support for current or newly deployed technologies via the development of  communications and user knowledge that assist clients through the transition to new technologies or to become more familiar with existing products and services that CTS provides. </a:t>
            </a:r>
          </a:p>
          <a:p>
            <a:pPr marL="666750" lvl="2" indent="-207963" defTabSz="1019175" eaLnBrk="0" hangingPunct="0">
              <a:spcBef>
                <a:spcPts val="900"/>
              </a:spcBef>
              <a:buClr>
                <a:schemeClr val="bg2"/>
              </a:buClr>
              <a:buSzPct val="92000"/>
              <a:buFont typeface="Wingdings" pitchFamily="2" charset="2"/>
              <a:buChar char="§"/>
            </a:pPr>
            <a:r>
              <a:rPr lang="en-US" dirty="0" smtClean="0"/>
              <a:t>We work with CTS teams to further define, standardize and document all CTS processes and procedures, including standards, templates, guidance, training and in maintaining these in a common SharePoint repository</a:t>
            </a:r>
          </a:p>
          <a:p>
            <a:pPr marL="666750" lvl="2" indent="-207963" defTabSz="1019175" eaLnBrk="0" hangingPunct="0">
              <a:spcBef>
                <a:spcPts val="900"/>
              </a:spcBef>
              <a:buClr>
                <a:schemeClr val="bg2"/>
              </a:buClr>
              <a:buSzPct val="92000"/>
              <a:buFont typeface="Wingdings" pitchFamily="2" charset="2"/>
              <a:buChar char="§"/>
            </a:pPr>
            <a:r>
              <a:rPr lang="en-US" dirty="0" smtClean="0"/>
              <a:t>We provide Vulcan Administration support including the fulfillment of Vulcan Admin requests, enhancements to the EURC system for Vulcan requests and Vulcan routing tables, and for new Button as well as iSpace/Win 7 deployments.</a:t>
            </a:r>
          </a:p>
        </p:txBody>
      </p:sp>
      <p:pic>
        <p:nvPicPr>
          <p:cNvPr id="13" name="Picture 12" descr="SvcTransformation.jpg"/>
          <p:cNvPicPr>
            <a:picLocks noChangeAspect="1"/>
          </p:cNvPicPr>
          <p:nvPr/>
        </p:nvPicPr>
        <p:blipFill>
          <a:blip r:embed="rId9" cstate="print"/>
          <a:stretch>
            <a:fillRect/>
          </a:stretch>
        </p:blipFill>
        <p:spPr>
          <a:xfrm>
            <a:off x="3886200" y="476165"/>
            <a:ext cx="1219200" cy="915755"/>
          </a:xfrm>
          <a:prstGeom prst="rect">
            <a:avLst/>
          </a:prstGeom>
        </p:spPr>
      </p:pic>
    </p:spTree>
    <p:custDataLst>
      <p:tags r:id="rId1"/>
    </p:custData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Service Transformation</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6</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548562" cy="51816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Communications</a:t>
            </a:r>
          </a:p>
          <a:p>
            <a:pPr marL="666750" lvl="2" indent="-207963" defTabSz="1019175" eaLnBrk="0" hangingPunct="0">
              <a:spcBef>
                <a:spcPts val="900"/>
              </a:spcBef>
              <a:buClr>
                <a:schemeClr val="bg2"/>
              </a:buClr>
              <a:buSzPct val="100000"/>
              <a:buFont typeface="Wingdings" pitchFamily="2" charset="2"/>
              <a:buChar char="§"/>
            </a:pPr>
            <a:r>
              <a:rPr lang="en-US" sz="1200" dirty="0" smtClean="0"/>
              <a:t>Created and implemented a Global Communication Governance for communications updates from CTS and ISS areas. This process has been adopted and currently followed by staff who need to communicate internally or externally (LOBs)</a:t>
            </a:r>
          </a:p>
          <a:p>
            <a:pPr marL="666750" lvl="2" indent="-207963" defTabSz="1019175" eaLnBrk="0" hangingPunct="0">
              <a:spcBef>
                <a:spcPts val="900"/>
              </a:spcBef>
              <a:buClr>
                <a:schemeClr val="bg2"/>
              </a:buClr>
              <a:buSzPct val="100000"/>
              <a:buFont typeface="Wingdings" pitchFamily="2" charset="2"/>
              <a:buChar char="§"/>
            </a:pPr>
            <a:r>
              <a:rPr lang="en-US" sz="1200" dirty="0" smtClean="0"/>
              <a:t>Created and maintained user knowledge on the Corporate Intranet (Workplace Resources) for </a:t>
            </a:r>
            <a:r>
              <a:rPr lang="en-US" sz="1200" dirty="0" smtClean="0">
                <a:hlinkClick r:id="rId8"/>
              </a:rPr>
              <a:t>SharePoint</a:t>
            </a:r>
            <a:r>
              <a:rPr lang="en-US" sz="1200" dirty="0" smtClean="0"/>
              <a:t>, </a:t>
            </a:r>
            <a:r>
              <a:rPr lang="en-US" sz="1200" u="sng" dirty="0" smtClean="0">
                <a:hlinkClick r:id="rId9"/>
              </a:rPr>
              <a:t>Communicator</a:t>
            </a:r>
            <a:r>
              <a:rPr lang="en-US" sz="1200" dirty="0" smtClean="0"/>
              <a:t>, </a:t>
            </a:r>
            <a:r>
              <a:rPr lang="en-US" sz="1200" u="sng" dirty="0" smtClean="0">
                <a:hlinkClick r:id="rId10"/>
              </a:rPr>
              <a:t>Live Meeting</a:t>
            </a:r>
            <a:r>
              <a:rPr lang="en-US" sz="1200" dirty="0" smtClean="0"/>
              <a:t>, </a:t>
            </a:r>
            <a:r>
              <a:rPr lang="en-US" sz="1200" u="sng" dirty="0" smtClean="0">
                <a:hlinkClick r:id="rId11"/>
              </a:rPr>
              <a:t>Outlook</a:t>
            </a:r>
            <a:r>
              <a:rPr lang="en-US" sz="1200" dirty="0" smtClean="0"/>
              <a:t>, </a:t>
            </a:r>
            <a:r>
              <a:rPr lang="en-US" sz="1200" u="sng" dirty="0" smtClean="0">
                <a:hlinkClick r:id="rId12"/>
              </a:rPr>
              <a:t>Office 2007</a:t>
            </a:r>
            <a:r>
              <a:rPr lang="en-US" sz="1200" dirty="0" smtClean="0"/>
              <a:t>, </a:t>
            </a:r>
            <a:r>
              <a:rPr lang="en-US" sz="1200" u="sng" dirty="0" smtClean="0">
                <a:hlinkClick r:id="rId13"/>
              </a:rPr>
              <a:t>VDI</a:t>
            </a:r>
            <a:r>
              <a:rPr lang="en-US" sz="1200" dirty="0" smtClean="0"/>
              <a:t>, </a:t>
            </a:r>
            <a:r>
              <a:rPr lang="en-US" sz="1200" u="sng" dirty="0" smtClean="0">
                <a:hlinkClick r:id="rId14"/>
              </a:rPr>
              <a:t>BlackBerry</a:t>
            </a:r>
            <a:r>
              <a:rPr lang="en-US" sz="1200" dirty="0" smtClean="0"/>
              <a:t> and </a:t>
            </a:r>
            <a:r>
              <a:rPr lang="en-US" sz="1200" dirty="0" smtClean="0">
                <a:hlinkClick r:id="rId15"/>
              </a:rPr>
              <a:t>iSpace</a:t>
            </a:r>
            <a:r>
              <a:rPr lang="en-US" sz="1200" dirty="0" smtClean="0"/>
              <a:t>. These portals provide quick-easy access to firmwide employees looking for knowledge, how-do-I and FAQs on the technology provided by CTS</a:t>
            </a:r>
          </a:p>
          <a:p>
            <a:pPr marL="666750" lvl="2" indent="-207963" defTabSz="1019175" eaLnBrk="0" hangingPunct="0">
              <a:spcBef>
                <a:spcPts val="900"/>
              </a:spcBef>
              <a:buClr>
                <a:schemeClr val="bg2"/>
              </a:buClr>
              <a:buSzPct val="100000"/>
              <a:buFont typeface="Wingdings" pitchFamily="2" charset="2"/>
              <a:buChar char="§"/>
            </a:pPr>
            <a:r>
              <a:rPr lang="en-US" sz="1200" dirty="0" smtClean="0"/>
              <a:t>Developed all messages targeting JPMC clients globally (437 distributions as of Nov 15), including line of business CIO and iCTOs, LOB Single Points of Contact (SPOCs), technology managers, application developers/owners, as well as the 200,000+ GTI-supported end users who are impacted by technology changes delivered by the CTS &amp; ISS organizations.  Published 27 articles on Tech Workspace and Company Home sections of the Intranet highlighting  technology enhancements and the launch of new CTS products  and services</a:t>
            </a:r>
          </a:p>
          <a:p>
            <a:pPr marL="666750" lvl="2" indent="-207963" defTabSz="1019175" eaLnBrk="0" hangingPunct="0">
              <a:spcBef>
                <a:spcPts val="900"/>
              </a:spcBef>
              <a:buClr>
                <a:schemeClr val="bg2"/>
              </a:buClr>
              <a:buSzPct val="100000"/>
              <a:buFont typeface="Wingdings" pitchFamily="2" charset="2"/>
              <a:buChar char="§"/>
            </a:pPr>
            <a:r>
              <a:rPr lang="en-US" sz="1200" dirty="0" smtClean="0"/>
              <a:t>Provided support for senior management communications to CTS staff, including the set-up and support for Town Halls, the creation and dissemination of org announcements, HR, Policy-related, and “meet the team” types of communications, as well as general announcements on CTS performance and tools usage.</a:t>
            </a:r>
          </a:p>
          <a:p>
            <a:pPr marL="209550" lvl="1" indent="-207963" defTabSz="1019175" eaLnBrk="0" hangingPunct="0">
              <a:spcBef>
                <a:spcPts val="900"/>
              </a:spcBef>
              <a:buClr>
                <a:schemeClr val="bg2"/>
              </a:buClr>
              <a:buSzPct val="92000"/>
              <a:buFont typeface="Wingdings" pitchFamily="2" charset="2"/>
              <a:buChar char="n"/>
            </a:pPr>
            <a:r>
              <a:rPr lang="en-US" sz="1200" dirty="0" smtClean="0"/>
              <a:t>iSpace Program Support</a:t>
            </a:r>
          </a:p>
          <a:p>
            <a:pPr marL="666750" lvl="2" indent="-207963" defTabSz="1019175" eaLnBrk="0" hangingPunct="0">
              <a:spcBef>
                <a:spcPts val="900"/>
              </a:spcBef>
              <a:buClr>
                <a:schemeClr val="bg2"/>
              </a:buClr>
              <a:buSzPct val="100000"/>
              <a:buFont typeface="Wingdings" pitchFamily="2" charset="2"/>
              <a:buChar char="§"/>
            </a:pPr>
            <a:r>
              <a:rPr lang="en-US" sz="1200" dirty="0" smtClean="0"/>
              <a:t>Developed Win 7 requirements for GTI Level 1 &amp;2 support teams. Jointly developed a training program with 3rd party vendor (</a:t>
            </a:r>
            <a:r>
              <a:rPr lang="en-US" sz="1200" dirty="0" err="1" smtClean="0"/>
              <a:t>SolarTech</a:t>
            </a:r>
            <a:r>
              <a:rPr lang="en-US" sz="1200" dirty="0" smtClean="0"/>
              <a:t>) and trained over 600 GTI staff.</a:t>
            </a:r>
          </a:p>
          <a:p>
            <a:pPr marL="666750" lvl="2" indent="-207963" defTabSz="1019175" eaLnBrk="0" hangingPunct="0">
              <a:spcBef>
                <a:spcPts val="900"/>
              </a:spcBef>
              <a:buClr>
                <a:schemeClr val="bg2"/>
              </a:buClr>
              <a:buSzPct val="100000"/>
              <a:buFont typeface="Wingdings" pitchFamily="2" charset="2"/>
              <a:buChar char="§"/>
            </a:pPr>
            <a:r>
              <a:rPr lang="en-US" sz="1200" dirty="0" smtClean="0"/>
              <a:t>Program Managed the development of the end-to-end VDI Onboarding process for iSpace clients and current XP platform</a:t>
            </a:r>
          </a:p>
          <a:p>
            <a:pPr marL="666750" lvl="2" indent="-207963" defTabSz="1019175" eaLnBrk="0" hangingPunct="0">
              <a:spcBef>
                <a:spcPts val="900"/>
              </a:spcBef>
              <a:buClr>
                <a:schemeClr val="bg2"/>
              </a:buClr>
              <a:buSzPct val="100000"/>
              <a:buFont typeface="Wingdings" pitchFamily="2" charset="2"/>
              <a:buChar char="§"/>
            </a:pPr>
            <a:r>
              <a:rPr lang="en-US" sz="1200" dirty="0" smtClean="0"/>
              <a:t>Issued Request for Information (RFI) for i-Space Training</a:t>
            </a:r>
          </a:p>
        </p:txBody>
      </p:sp>
      <p:pic>
        <p:nvPicPr>
          <p:cNvPr id="8" name="Picture 7" descr="SvcTransformation.jpg"/>
          <p:cNvPicPr>
            <a:picLocks noChangeAspect="1"/>
          </p:cNvPicPr>
          <p:nvPr/>
        </p:nvPicPr>
        <p:blipFill>
          <a:blip r:embed="rId16" cstate="print"/>
          <a:stretch>
            <a:fillRect/>
          </a:stretch>
        </p:blipFill>
        <p:spPr>
          <a:xfrm>
            <a:off x="3886200" y="476165"/>
            <a:ext cx="1219200" cy="915755"/>
          </a:xfrm>
          <a:prstGeom prst="rect">
            <a:avLst/>
          </a:prstGeom>
        </p:spPr>
      </p:pic>
    </p:spTree>
    <p:custDataLst>
      <p:tags r:id="rId1"/>
    </p:custData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Service Transformation</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7</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2010  Achievements</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828800"/>
            <a:ext cx="7853362" cy="53340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buFont typeface="Wingdings" pitchFamily="2" charset="2"/>
              <a:buChar char="n"/>
            </a:pPr>
            <a:r>
              <a:rPr lang="en-US" sz="1200" dirty="0" smtClean="0"/>
              <a:t>Process definition, documentation and standardization</a:t>
            </a:r>
          </a:p>
          <a:p>
            <a:pPr marL="666750" lvl="2" indent="-207963" defTabSz="1019175" eaLnBrk="0" hangingPunct="0">
              <a:spcBef>
                <a:spcPts val="900"/>
              </a:spcBef>
              <a:buClr>
                <a:schemeClr val="bg2"/>
              </a:buClr>
              <a:buSzPct val="100000"/>
              <a:buFont typeface="Wingdings" pitchFamily="2" charset="2"/>
              <a:buChar char="§"/>
            </a:pPr>
            <a:r>
              <a:rPr lang="en-US" sz="1200" dirty="0" smtClean="0"/>
              <a:t>Introduced CTS Service Review and Capability Maturity Model processes</a:t>
            </a:r>
          </a:p>
          <a:p>
            <a:pPr marL="666750" lvl="2" indent="-207963" defTabSz="1019175" eaLnBrk="0" hangingPunct="0">
              <a:spcBef>
                <a:spcPts val="900"/>
              </a:spcBef>
              <a:buClr>
                <a:schemeClr val="bg2"/>
              </a:buClr>
              <a:buSzPct val="100000"/>
              <a:buFont typeface="Wingdings" pitchFamily="2" charset="2"/>
              <a:buChar char="§"/>
            </a:pPr>
            <a:r>
              <a:rPr lang="en-US" sz="1200" dirty="0" smtClean="0"/>
              <a:t>Documented and uploaded the following CTS processes to a central Library:</a:t>
            </a:r>
            <a:br>
              <a:rPr lang="en-US" sz="1200" dirty="0" smtClean="0"/>
            </a:br>
            <a:r>
              <a:rPr lang="en-US" sz="1200" dirty="0" smtClean="0"/>
              <a:t/>
            </a:r>
            <a:br>
              <a:rPr lang="en-US" sz="1200" dirty="0" smtClean="0"/>
            </a:br>
            <a:r>
              <a:rPr lang="en-US" sz="1200" dirty="0" smtClean="0"/>
              <a:t>Server Decommission Process		CSA - Control Self Assessment Process</a:t>
            </a:r>
            <a:br>
              <a:rPr lang="en-US" sz="1200" dirty="0" smtClean="0"/>
            </a:br>
            <a:r>
              <a:rPr lang="en-US" sz="1200" dirty="0" smtClean="0"/>
              <a:t>Server Risk Vulnerability Process		Project Management Implementation Process</a:t>
            </a:r>
            <a:br>
              <a:rPr lang="en-US" sz="1200" dirty="0" smtClean="0"/>
            </a:br>
            <a:r>
              <a:rPr lang="en-US" sz="1200" dirty="0" smtClean="0"/>
              <a:t>VDI End to End Onboarding Process	Change Management Process</a:t>
            </a:r>
            <a:br>
              <a:rPr lang="en-US" sz="1200" dirty="0" smtClean="0"/>
            </a:br>
            <a:r>
              <a:rPr lang="en-US" sz="1200" dirty="0" smtClean="0"/>
              <a:t>Project Management and Impl. Process	Problem Management Process</a:t>
            </a:r>
            <a:br>
              <a:rPr lang="en-US" sz="1200" dirty="0" smtClean="0"/>
            </a:br>
            <a:r>
              <a:rPr lang="en-US" sz="1200" dirty="0" smtClean="0"/>
              <a:t>Asset Management Process		Incident management Process</a:t>
            </a:r>
            <a:br>
              <a:rPr lang="en-US" sz="1200" dirty="0" smtClean="0"/>
            </a:br>
            <a:r>
              <a:rPr lang="en-US" sz="1200" dirty="0" smtClean="0"/>
              <a:t>Capacity Management Process		Communications Governance</a:t>
            </a:r>
            <a:br>
              <a:rPr lang="en-US" sz="1200" dirty="0" smtClean="0"/>
            </a:br>
            <a:r>
              <a:rPr lang="en-US" sz="1200" dirty="0" smtClean="0"/>
              <a:t>New Product Initiation Process (draft)	Program Management Escalation Process</a:t>
            </a:r>
          </a:p>
          <a:p>
            <a:pPr marL="209550" lvl="1" indent="-207963" defTabSz="1019175" eaLnBrk="0" hangingPunct="0">
              <a:spcBef>
                <a:spcPts val="900"/>
              </a:spcBef>
              <a:buClr>
                <a:schemeClr val="bg2"/>
              </a:buClr>
              <a:buSzPct val="92000"/>
              <a:buFont typeface="Wingdings" pitchFamily="2" charset="2"/>
              <a:buChar char="n"/>
            </a:pPr>
            <a:r>
              <a:rPr lang="en-US" sz="1200" dirty="0" smtClean="0"/>
              <a:t>Vulcan Administration Support</a:t>
            </a:r>
          </a:p>
          <a:p>
            <a:pPr marL="666750" lvl="2" indent="-207963" defTabSz="1019175" eaLnBrk="0" hangingPunct="0">
              <a:spcBef>
                <a:spcPts val="900"/>
              </a:spcBef>
              <a:buClr>
                <a:schemeClr val="bg2"/>
              </a:buClr>
              <a:buSzPct val="100000"/>
              <a:buFont typeface="Wingdings" pitchFamily="2" charset="2"/>
              <a:buChar char="§"/>
            </a:pPr>
            <a:r>
              <a:rPr lang="en-US" sz="1200" dirty="0" smtClean="0"/>
              <a:t>Continued deployment of The Button to other LOBs along with Live Chat. IB – India,  Paris, Cape Town, and within Retail Home Lending, Asset Management, Card Services, South America and Canada, Taiwan, Japan and Luxembourg</a:t>
            </a:r>
          </a:p>
          <a:p>
            <a:pPr marL="666750" lvl="2" indent="-207963" defTabSz="1019175" eaLnBrk="0" hangingPunct="0">
              <a:spcBef>
                <a:spcPts val="900"/>
              </a:spcBef>
              <a:buClr>
                <a:schemeClr val="bg2"/>
              </a:buClr>
              <a:buSzPct val="100000"/>
              <a:buFont typeface="Wingdings" pitchFamily="2" charset="2"/>
              <a:buChar char="§"/>
            </a:pPr>
            <a:r>
              <a:rPr lang="en-US" sz="1200" dirty="0" smtClean="0"/>
              <a:t>Developed a system enhancement in EURC to fulfill Vulcan requests along with specified SLAs. This process replaced the e-mail request systems previously used</a:t>
            </a:r>
          </a:p>
          <a:p>
            <a:pPr marL="666750" lvl="2" indent="-207963" defTabSz="1019175" eaLnBrk="0" hangingPunct="0">
              <a:spcBef>
                <a:spcPts val="900"/>
              </a:spcBef>
              <a:buClr>
                <a:schemeClr val="bg2"/>
              </a:buClr>
              <a:buSzPct val="100000"/>
              <a:buFont typeface="Wingdings" pitchFamily="2" charset="2"/>
              <a:buChar char="§"/>
            </a:pPr>
            <a:r>
              <a:rPr lang="en-US" sz="1200" dirty="0" smtClean="0"/>
              <a:t>Successfully processed 621 EURC Vulcan requests within SLAs </a:t>
            </a:r>
          </a:p>
          <a:p>
            <a:pPr marL="666750" lvl="2" indent="-207963" defTabSz="1019175" eaLnBrk="0" hangingPunct="0">
              <a:spcBef>
                <a:spcPts val="900"/>
              </a:spcBef>
              <a:buClr>
                <a:schemeClr val="bg2"/>
              </a:buClr>
              <a:buSzPct val="100000"/>
              <a:buFont typeface="Wingdings" pitchFamily="2" charset="2"/>
              <a:buChar char="§"/>
            </a:pPr>
            <a:r>
              <a:rPr lang="en-US" sz="1200" dirty="0" smtClean="0"/>
              <a:t>Implemented  Vulcan Button Broadcast messenger on April 17.</a:t>
            </a:r>
          </a:p>
          <a:p>
            <a:pPr marL="666750" lvl="2" indent="-207963" defTabSz="1019175" eaLnBrk="0" hangingPunct="0">
              <a:spcBef>
                <a:spcPts val="900"/>
              </a:spcBef>
              <a:buClr>
                <a:schemeClr val="bg2"/>
              </a:buClr>
              <a:buSzPct val="100000"/>
              <a:buFont typeface="Wingdings" pitchFamily="2" charset="2"/>
              <a:buChar char="§"/>
            </a:pPr>
            <a:r>
              <a:rPr lang="en-US" sz="1200" dirty="0" smtClean="0"/>
              <a:t>Implemented keyword search within the Button for IB and GTI Support representatives. This action resulted in a reduction in tickets to helpdesk.</a:t>
            </a:r>
          </a:p>
          <a:p>
            <a:pPr marL="666750" lvl="2" indent="-207963" defTabSz="1019175" eaLnBrk="0" hangingPunct="0">
              <a:spcBef>
                <a:spcPts val="900"/>
              </a:spcBef>
              <a:buClr>
                <a:schemeClr val="bg2"/>
              </a:buClr>
              <a:buSzPct val="100000"/>
              <a:buFont typeface="Wingdings" pitchFamily="2" charset="2"/>
              <a:buChar char="§"/>
            </a:pPr>
            <a:r>
              <a:rPr lang="en-US" sz="1200" dirty="0" smtClean="0"/>
              <a:t>Assisted in the integration of 400 applications added to the keywords (in Vulcan) and password reset module (on The Button) for automatic self service resolution by client</a:t>
            </a:r>
            <a:endParaRPr lang="en-US" dirty="0" smtClean="0"/>
          </a:p>
        </p:txBody>
      </p:sp>
      <p:pic>
        <p:nvPicPr>
          <p:cNvPr id="8" name="Picture 7" descr="SvcTransformation.jpg"/>
          <p:cNvPicPr>
            <a:picLocks noChangeAspect="1"/>
          </p:cNvPicPr>
          <p:nvPr/>
        </p:nvPicPr>
        <p:blipFill>
          <a:blip r:embed="rId8" cstate="print"/>
          <a:stretch>
            <a:fillRect/>
          </a:stretch>
        </p:blipFill>
        <p:spPr>
          <a:xfrm>
            <a:off x="3886200" y="476165"/>
            <a:ext cx="1219200" cy="915755"/>
          </a:xfrm>
          <a:prstGeom prst="rect">
            <a:avLst/>
          </a:prstGeom>
        </p:spPr>
      </p:pic>
    </p:spTree>
    <p:custDataLst>
      <p:tags r:id="rId1"/>
    </p:custData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US" dirty="0" smtClean="0"/>
              <a:t>Infrastructure Deployment </a:t>
            </a:r>
          </a:p>
        </p:txBody>
      </p:sp>
      <p:sp>
        <p:nvSpPr>
          <p:cNvPr id="5123" name="Text Box 15"/>
          <p:cNvSpPr txBox="1">
            <a:spLocks noChangeArrowheads="1"/>
          </p:cNvSpPr>
          <p:nvPr>
            <p:custDataLst>
              <p:tags r:id="rId2"/>
            </p:custDataLst>
          </p:nvPr>
        </p:nvSpPr>
        <p:spPr bwMode="gray">
          <a:xfrm>
            <a:off x="9472613" y="7278688"/>
            <a:ext cx="155575" cy="155575"/>
          </a:xfrm>
          <a:prstGeom prst="rect">
            <a:avLst/>
          </a:prstGeom>
          <a:noFill/>
          <a:ln w="9525">
            <a:noFill/>
            <a:miter lim="800000"/>
            <a:headEnd/>
            <a:tailEnd/>
          </a:ln>
        </p:spPr>
        <p:txBody>
          <a:bodyPr wrap="none" lIns="0" tIns="0" rIns="0" bIns="0" anchor="ctr"/>
          <a:lstStyle/>
          <a:p>
            <a:pPr algn="r" eaLnBrk="0" hangingPunct="0"/>
            <a:r>
              <a:rPr lang="en-US" sz="1000" b="1" dirty="0" smtClean="0">
                <a:solidFill>
                  <a:srgbClr val="808080"/>
                </a:solidFill>
                <a:latin typeface="Trebuchet MS" pitchFamily="34" charset="0"/>
              </a:rPr>
              <a:t>8</a:t>
            </a:r>
            <a:endParaRPr lang="en-US" sz="1000" b="1" dirty="0">
              <a:solidFill>
                <a:srgbClr val="808080"/>
              </a:solidFill>
              <a:latin typeface="Trebuchet MS" pitchFamily="34" charset="0"/>
            </a:endParaRPr>
          </a:p>
        </p:txBody>
      </p:sp>
      <p:sp>
        <p:nvSpPr>
          <p:cNvPr id="5124" name="Text Box 16"/>
          <p:cNvSpPr txBox="1">
            <a:spLocks noChangeArrowheads="1"/>
          </p:cNvSpPr>
          <p:nvPr>
            <p:custDataLst>
              <p:tags r:id="rId3"/>
            </p:custDataLst>
          </p:nvPr>
        </p:nvSpPr>
        <p:spPr bwMode="auto">
          <a:xfrm rot="-5400000">
            <a:off x="-2129631" y="4507706"/>
            <a:ext cx="5532438" cy="136525"/>
          </a:xfrm>
          <a:prstGeom prst="rect">
            <a:avLst/>
          </a:prstGeom>
          <a:noFill/>
          <a:ln w="9525">
            <a:noFill/>
            <a:miter lim="800000"/>
            <a:headEnd/>
            <a:tailEnd/>
          </a:ln>
        </p:spPr>
        <p:txBody>
          <a:bodyPr wrap="none" lIns="0" tIns="0" rIns="0" bIns="0" anchor="b"/>
          <a:lstStyle/>
          <a:p>
            <a:pPr>
              <a:lnSpc>
                <a:spcPts val="1200"/>
              </a:lnSpc>
            </a:pPr>
            <a:r>
              <a:rPr lang="en-US" sz="1000">
                <a:solidFill>
                  <a:srgbClr val="808080"/>
                </a:solidFill>
              </a:rPr>
              <a:t>Global  Technology Infrastructure</a:t>
            </a:r>
          </a:p>
        </p:txBody>
      </p:sp>
      <p:sp>
        <p:nvSpPr>
          <p:cNvPr id="5126" name="Text Box 12"/>
          <p:cNvSpPr txBox="1">
            <a:spLocks noChangeArrowheads="1"/>
          </p:cNvSpPr>
          <p:nvPr>
            <p:custDataLst>
              <p:tags r:id="rId4"/>
            </p:custDataLst>
          </p:nvPr>
        </p:nvSpPr>
        <p:spPr bwMode="auto">
          <a:xfrm>
            <a:off x="1295400" y="1447800"/>
            <a:ext cx="7162800" cy="282575"/>
          </a:xfrm>
          <a:prstGeom prst="rect">
            <a:avLst/>
          </a:prstGeom>
          <a:solidFill>
            <a:schemeClr val="bg2"/>
          </a:solidFill>
          <a:ln w="12700" algn="ctr">
            <a:noFill/>
            <a:miter lim="800000"/>
            <a:headEnd/>
            <a:tailEnd/>
          </a:ln>
        </p:spPr>
        <p:txBody>
          <a:bodyPr wrap="none" lIns="82012" tIns="41006" rIns="82012" bIns="41006" anchor="ctr"/>
          <a:lstStyle/>
          <a:p>
            <a:pPr marL="187325" indent="-187325" defTabSz="819150"/>
            <a:r>
              <a:rPr lang="en-US" sz="1600" b="1" dirty="0" smtClean="0">
                <a:solidFill>
                  <a:schemeClr val="bg1"/>
                </a:solidFill>
              </a:rPr>
              <a:t>What we do</a:t>
            </a:r>
            <a:endParaRPr lang="en-US" sz="1600" b="1" dirty="0">
              <a:solidFill>
                <a:schemeClr val="bg1"/>
              </a:solidFill>
            </a:endParaRPr>
          </a:p>
        </p:txBody>
      </p:sp>
      <p:sp>
        <p:nvSpPr>
          <p:cNvPr id="5128" name="Rectangle 5"/>
          <p:cNvSpPr>
            <a:spLocks noChangeArrowheads="1"/>
          </p:cNvSpPr>
          <p:nvPr>
            <p:custDataLst>
              <p:tags r:id="rId5"/>
            </p:custDataLst>
          </p:nvPr>
        </p:nvSpPr>
        <p:spPr bwMode="gray">
          <a:xfrm>
            <a:off x="1214438" y="1981200"/>
            <a:ext cx="7243762" cy="4648200"/>
          </a:xfrm>
          <a:prstGeom prst="rect">
            <a:avLst/>
          </a:prstGeom>
          <a:noFill/>
          <a:ln w="6350">
            <a:noFill/>
            <a:miter lim="800000"/>
            <a:headEnd/>
            <a:tailEnd/>
          </a:ln>
        </p:spPr>
        <p:txBody>
          <a:bodyPr tIns="36576" rIns="36576" bIns="36576"/>
          <a:lstStyle/>
          <a:p>
            <a:pPr marL="209550" lvl="1" indent="-207963" defTabSz="1019175" eaLnBrk="0" hangingPunct="0">
              <a:spcBef>
                <a:spcPts val="900"/>
              </a:spcBef>
              <a:buClr>
                <a:schemeClr val="bg2"/>
              </a:buClr>
              <a:buSzPct val="92000"/>
            </a:pPr>
            <a:endParaRPr lang="en-US" dirty="0"/>
          </a:p>
        </p:txBody>
      </p:sp>
      <p:sp>
        <p:nvSpPr>
          <p:cNvPr id="8" name="Rectangle 5"/>
          <p:cNvSpPr>
            <a:spLocks noChangeArrowheads="1"/>
          </p:cNvSpPr>
          <p:nvPr>
            <p:custDataLst>
              <p:tags r:id="rId6"/>
            </p:custDataLst>
          </p:nvPr>
        </p:nvSpPr>
        <p:spPr bwMode="gray">
          <a:xfrm>
            <a:off x="1219200" y="2133600"/>
            <a:ext cx="7696200" cy="4648200"/>
          </a:xfrm>
          <a:prstGeom prst="rect">
            <a:avLst/>
          </a:prstGeom>
          <a:noFill/>
          <a:ln w="6350">
            <a:noFill/>
            <a:miter lim="800000"/>
            <a:headEnd/>
            <a:tailEnd/>
          </a:ln>
        </p:spPr>
        <p:txBody>
          <a:bodyPr tIns="36576" rIns="36576" bIns="36576"/>
          <a:lstStyle/>
          <a:p>
            <a:r>
              <a:rPr lang="en-US" dirty="0" smtClean="0"/>
              <a:t>The Infrastructure Deployment team supports global GTI and LOB desktop projects and programs by providing :</a:t>
            </a:r>
          </a:p>
          <a:p>
            <a:pPr marL="209550" lvl="1" indent="-207963" defTabSz="1019175" eaLnBrk="0" hangingPunct="0">
              <a:spcBef>
                <a:spcPts val="900"/>
              </a:spcBef>
              <a:buClr>
                <a:schemeClr val="bg2"/>
              </a:buClr>
              <a:buSzPct val="92000"/>
            </a:pPr>
            <a:r>
              <a:rPr lang="en-US" dirty="0" smtClean="0"/>
              <a:t>Infrastructure assessment and server implementation (site build-outs /exits)</a:t>
            </a:r>
          </a:p>
          <a:p>
            <a:pPr marL="209550" lvl="1" indent="-207963" defTabSz="1019175" eaLnBrk="0" hangingPunct="0">
              <a:spcBef>
                <a:spcPts val="900"/>
              </a:spcBef>
              <a:buClr>
                <a:schemeClr val="bg2"/>
              </a:buClr>
              <a:buSzPct val="92000"/>
            </a:pPr>
            <a:r>
              <a:rPr lang="en-US" dirty="0" smtClean="0"/>
              <a:t>Data management (analysis, triage and migration of domains and user and file shares)</a:t>
            </a:r>
          </a:p>
          <a:p>
            <a:pPr marL="209550" lvl="1" indent="-207963" defTabSz="1019175" eaLnBrk="0" hangingPunct="0">
              <a:spcBef>
                <a:spcPts val="900"/>
              </a:spcBef>
              <a:buClr>
                <a:schemeClr val="bg2"/>
              </a:buClr>
              <a:buSzPct val="92000"/>
            </a:pPr>
            <a:r>
              <a:rPr lang="en-US" dirty="0" smtClean="0"/>
              <a:t>Storage demand/readiness (forecast SAN/NAS requirements for data migration projects</a:t>
            </a:r>
          </a:p>
          <a:p>
            <a:pPr marL="209550" lvl="1" indent="-207963" defTabSz="1019175" eaLnBrk="0" hangingPunct="0">
              <a:spcBef>
                <a:spcPts val="900"/>
              </a:spcBef>
              <a:buClr>
                <a:schemeClr val="bg2"/>
              </a:buClr>
              <a:buSzPct val="92000"/>
            </a:pPr>
            <a:r>
              <a:rPr lang="en-US" dirty="0" smtClean="0"/>
              <a:t>Server Application layering (installation of products: Citrix, VDI/Gen-Y, App-V, </a:t>
            </a:r>
            <a:r>
              <a:rPr lang="en-US" dirty="0" err="1" smtClean="0"/>
              <a:t>Exchnge</a:t>
            </a:r>
            <a:r>
              <a:rPr lang="en-US" dirty="0" smtClean="0"/>
              <a:t>)</a:t>
            </a:r>
          </a:p>
          <a:p>
            <a:pPr marL="666750" lvl="2" indent="-207963" defTabSz="1019175" eaLnBrk="0" hangingPunct="0">
              <a:spcBef>
                <a:spcPts val="900"/>
              </a:spcBef>
              <a:buClr>
                <a:schemeClr val="bg2"/>
              </a:buClr>
              <a:buSzPct val="92000"/>
              <a:buFont typeface="Wingdings" pitchFamily="2" charset="2"/>
              <a:buChar char="§"/>
            </a:pPr>
            <a:r>
              <a:rPr lang="en-US" dirty="0" smtClean="0"/>
              <a:t>We assist CTS product, engineering and operations groups in the management of CTS infrastructure such as technology refreshes, “museum piece” retirement, consolidation and virtualization, and capacity expansion</a:t>
            </a:r>
          </a:p>
          <a:p>
            <a:pPr marL="666750" lvl="2" indent="-207963" defTabSz="1019175" eaLnBrk="0" hangingPunct="0">
              <a:spcBef>
                <a:spcPts val="900"/>
              </a:spcBef>
              <a:buClr>
                <a:schemeClr val="bg2"/>
              </a:buClr>
              <a:buSzPct val="92000"/>
              <a:buFont typeface="Wingdings" pitchFamily="2" charset="2"/>
              <a:buChar char="§"/>
            </a:pPr>
            <a:r>
              <a:rPr lang="en-US" dirty="0" smtClean="0"/>
              <a:t>We provide a single-point of contact for technical implementation resources</a:t>
            </a:r>
          </a:p>
          <a:p>
            <a:pPr marL="666750" lvl="2" indent="-207963" defTabSz="1019175" eaLnBrk="0" hangingPunct="0">
              <a:spcBef>
                <a:spcPts val="900"/>
              </a:spcBef>
              <a:buClr>
                <a:schemeClr val="bg2"/>
              </a:buClr>
              <a:buSzPct val="92000"/>
              <a:buFont typeface="Wingdings" pitchFamily="2" charset="2"/>
              <a:buChar char="§"/>
            </a:pPr>
            <a:r>
              <a:rPr lang="en-US" dirty="0" smtClean="0"/>
              <a:t>We engage and  partner with Engineering to design tools and utilities as needed to deliver on projects</a:t>
            </a:r>
          </a:p>
          <a:p>
            <a:pPr marL="666750" lvl="2" indent="-207963" defTabSz="1019175" eaLnBrk="0" hangingPunct="0">
              <a:spcBef>
                <a:spcPts val="900"/>
              </a:spcBef>
              <a:buClr>
                <a:schemeClr val="bg2"/>
              </a:buClr>
              <a:buSzPct val="92000"/>
              <a:buFont typeface="Wingdings" pitchFamily="2" charset="2"/>
              <a:buChar char="§"/>
            </a:pPr>
            <a:r>
              <a:rPr lang="en-US" dirty="0" smtClean="0"/>
              <a:t>We engage and partner with Finance and Project Management on deployment tasks, timelines and budgets</a:t>
            </a:r>
          </a:p>
          <a:p>
            <a:pPr marL="666750" lvl="2" indent="-207963" defTabSz="1019175" eaLnBrk="0" hangingPunct="0">
              <a:spcBef>
                <a:spcPts val="900"/>
              </a:spcBef>
              <a:buClr>
                <a:schemeClr val="bg2"/>
              </a:buClr>
              <a:buSzPct val="92000"/>
              <a:buFont typeface="Wingdings" pitchFamily="2" charset="2"/>
              <a:buChar char="§"/>
            </a:pPr>
            <a:r>
              <a:rPr lang="en-US" dirty="0" smtClean="0"/>
              <a:t>We engage and partner with other GTI towers to coordinate activities </a:t>
            </a:r>
          </a:p>
          <a:p>
            <a:pPr marL="666750" lvl="2" indent="-207963" defTabSz="1019175" eaLnBrk="0" hangingPunct="0">
              <a:spcBef>
                <a:spcPts val="900"/>
              </a:spcBef>
              <a:buClr>
                <a:schemeClr val="bg2"/>
              </a:buClr>
              <a:buSzPct val="92000"/>
              <a:buFont typeface="Wingdings" pitchFamily="2" charset="2"/>
              <a:buChar char="§"/>
            </a:pPr>
            <a:r>
              <a:rPr lang="en-US" dirty="0" smtClean="0"/>
              <a:t>We execute on plans; manage internal/external staff and third-party vendors</a:t>
            </a:r>
          </a:p>
        </p:txBody>
      </p:sp>
      <p:pic>
        <p:nvPicPr>
          <p:cNvPr id="34818" name="Picture 2"/>
          <p:cNvPicPr>
            <a:picLocks noChangeAspect="1" noChangeArrowheads="1"/>
          </p:cNvPicPr>
          <p:nvPr/>
        </p:nvPicPr>
        <p:blipFill>
          <a:blip r:embed="rId9" cstate="print"/>
          <a:srcRect/>
          <a:stretch>
            <a:fillRect/>
          </a:stretch>
        </p:blipFill>
        <p:spPr bwMode="auto">
          <a:xfrm>
            <a:off x="4419600" y="448466"/>
            <a:ext cx="1042647" cy="923134"/>
          </a:xfrm>
          <a:prstGeom prst="rect">
            <a:avLst/>
          </a:prstGeom>
          <a:noFill/>
          <a:ln w="9525">
            <a:noFill/>
            <a:miter lim="800000"/>
            <a:headEnd/>
            <a:tailEnd/>
          </a:ln>
        </p:spPr>
      </p:pic>
    </p:spTree>
    <p:custDataLst>
      <p:tags r:id="rId1"/>
    </p:custData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RACKER_FULL_PATH" val="False"/>
  <p:tag name="JPM_TRACKER_FILENAME_ONLY" val="True"/>
  <p:tag name="JPM_NUMBER_PAGES" val="True"/>
  <p:tag name="JPM_TRACKERS" val="True"/>
  <p:tag name="JPM_SECTION_NUMBERS" val="False"/>
  <p:tag name="JPM_PAGE_NUMBERS" val="True"/>
  <p:tag name="JPM_RESTART_NUMBERS" val="False"/>
  <p:tag name="JPM_CONTINUOUS_NUMBERING" val="True"/>
  <p:tag name="JPM_BRAND" val="JPMorgan"/>
  <p:tag name="JPM_BASE_TEMPLATE" val="Pitchbook-US.pot"/>
  <p:tag name="" val="Page"/>
  <p:tag name="JPM_AGENDA_PAGE_TITLE" val="Agenda"/>
  <p:tag name="JPM_ACTIVE_TEMPLATE" val="Pitchbook-US.pot"/>
</p:tagLst>
</file>

<file path=ppt/tags/tag10.xml><?xml version="1.0" encoding="utf-8"?>
<p:tagLst xmlns:a="http://schemas.openxmlformats.org/drawingml/2006/main" xmlns:r="http://schemas.openxmlformats.org/officeDocument/2006/relationships" xmlns:p="http://schemas.openxmlformats.org/presentationml/2006/main">
  <p:tag name="JPM_BRAND" val="JPMorgan Fleming"/>
  <p:tag name="JPM_OBJECT_NAME" val="jpmBrandMaster"/>
</p:tagLst>
</file>

<file path=ppt/tags/tag100.xml><?xml version="1.0" encoding="utf-8"?>
<p:tagLst xmlns:a="http://schemas.openxmlformats.org/drawingml/2006/main" xmlns:r="http://schemas.openxmlformats.org/officeDocument/2006/relationships" xmlns:p="http://schemas.openxmlformats.org/presentationml/2006/main">
  <p:tag name="JPM_TEXT_SIZE" val="14"/>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4.xml><?xml version="1.0" encoding="utf-8"?>
<p:tagLst xmlns:a="http://schemas.openxmlformats.org/drawingml/2006/main" xmlns:r="http://schemas.openxmlformats.org/officeDocument/2006/relationships" xmlns:p="http://schemas.openxmlformats.org/presentationml/2006/main">
  <p:tag name="JPM_BRAND" val="JF Asset Management"/>
  <p:tag name="JPM_OBJECT_NAME" val="jpmBrandCover"/>
</p:tagLst>
</file>

<file path=ppt/tags/tag15.xml><?xml version="1.0" encoding="utf-8"?>
<p:tagLst xmlns:a="http://schemas.openxmlformats.org/drawingml/2006/main" xmlns:r="http://schemas.openxmlformats.org/officeDocument/2006/relationships" xmlns:p="http://schemas.openxmlformats.org/presentationml/2006/main">
  <p:tag name="JPM_BRAND" val="JF Funds"/>
  <p:tag name="JPM_OBJECT_NAME" val="jpmBrandCover"/>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7.xml><?xml version="1.0" encoding="utf-8"?>
<p:tagLst xmlns:a="http://schemas.openxmlformats.org/drawingml/2006/main" xmlns:r="http://schemas.openxmlformats.org/officeDocument/2006/relationships" xmlns:p="http://schemas.openxmlformats.org/presentationml/2006/main">
  <p:tag name="JPM_OBJECT_NAME" val="jpmBrandMaster"/>
  <p:tag name="JPM_BRAND" val="JF Funds"/>
</p:tagLst>
</file>

<file path=ppt/tags/tag18.xml><?xml version="1.0" encoding="utf-8"?>
<p:tagLst xmlns:a="http://schemas.openxmlformats.org/drawingml/2006/main" xmlns:r="http://schemas.openxmlformats.org/officeDocument/2006/relationships" xmlns:p="http://schemas.openxmlformats.org/presentationml/2006/main">
  <p:tag name="JPM_OBJECT_NAME" val="jpmBrandMaster"/>
  <p:tag name="JPM_BRAND" val="JF Asset Management"/>
</p:tagLst>
</file>

<file path=ppt/tags/tag19.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Master"/>
  <p:tag name="JPM_BRAND" val="JF Asset Management"/>
</p:tagLst>
</file>

<file path=ppt/tags/tag20.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21.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22.xml><?xml version="1.0" encoding="utf-8"?>
<p:tagLst xmlns:a="http://schemas.openxmlformats.org/drawingml/2006/main" xmlns:r="http://schemas.openxmlformats.org/officeDocument/2006/relationships" xmlns:p="http://schemas.openxmlformats.org/presentationml/2006/main">
  <p:tag name="JPM_OBJECT_NAME" val="jpmDate"/>
</p:tagLst>
</file>

<file path=ppt/tags/tag23.xml><?xml version="1.0" encoding="utf-8"?>
<p:tagLst xmlns:a="http://schemas.openxmlformats.org/drawingml/2006/main" xmlns:r="http://schemas.openxmlformats.org/officeDocument/2006/relationships" xmlns:p="http://schemas.openxmlformats.org/presentationml/2006/main">
  <p:tag name="JPM_OBJECT_NAME" val="jpmRul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Title"/>
</p:tagLst>
</file>

<file path=ppt/tags/tag25.xml><?xml version="1.0" encoding="utf-8"?>
<p:tagLst xmlns:a="http://schemas.openxmlformats.org/drawingml/2006/main" xmlns:r="http://schemas.openxmlformats.org/officeDocument/2006/relationships" xmlns:p="http://schemas.openxmlformats.org/presentationml/2006/main">
  <p:tag name="JPM_OBJECT_NAME" val="jpmSubtitle"/>
</p:tagLst>
</file>

<file path=ppt/tags/tag26.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2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Master"/>
  <p:tag name="JPM_BRAND" val="JF Funds"/>
</p:tagLst>
</file>

<file path=ppt/tags/tag30.xml><?xml version="1.0" encoding="utf-8"?>
<p:tagLst xmlns:a="http://schemas.openxmlformats.org/drawingml/2006/main" xmlns:r="http://schemas.openxmlformats.org/officeDocument/2006/relationships" xmlns:p="http://schemas.openxmlformats.org/presentationml/2006/main">
  <p:tag name="JPM_TEXT_SIZE" val="14"/>
</p:tagLst>
</file>

<file path=ppt/tags/tag31.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3.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4.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5.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36.xml><?xml version="1.0" encoding="utf-8"?>
<p:tagLst xmlns:a="http://schemas.openxmlformats.org/drawingml/2006/main" xmlns:r="http://schemas.openxmlformats.org/officeDocument/2006/relationships" xmlns:p="http://schemas.openxmlformats.org/presentationml/2006/main">
  <p:tag name="JPM_TEXT_SIZE" val="14"/>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4.xml><?xml version="1.0" encoding="utf-8"?>
<p:tagLst xmlns:a="http://schemas.openxmlformats.org/drawingml/2006/main" xmlns:r="http://schemas.openxmlformats.org/officeDocument/2006/relationships" xmlns:p="http://schemas.openxmlformats.org/presentationml/2006/main">
  <p:tag name="JPM_BRAND" val="JPMorgan Private Bank"/>
  <p:tag name="JPM_OBJECT_NAME" val="jpmBrandMaster"/>
</p:tagLst>
</file>

<file path=ppt/tags/tag40.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1.xml><?xml version="1.0" encoding="utf-8"?>
<p:tagLst xmlns:a="http://schemas.openxmlformats.org/drawingml/2006/main" xmlns:r="http://schemas.openxmlformats.org/officeDocument/2006/relationships" xmlns:p="http://schemas.openxmlformats.org/presentationml/2006/main">
  <p:tag name="JPM_TEXT_SIZE" val="14"/>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3.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4.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45.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46.xml><?xml version="1.0" encoding="utf-8"?>
<p:tagLst xmlns:a="http://schemas.openxmlformats.org/drawingml/2006/main" xmlns:r="http://schemas.openxmlformats.org/officeDocument/2006/relationships" xmlns:p="http://schemas.openxmlformats.org/presentationml/2006/main">
  <p:tag name="JPM_TEXT_SIZE" val="14"/>
</p:tagLst>
</file>

<file path=ppt/tags/tag4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5.xml><?xml version="1.0" encoding="utf-8"?>
<p:tagLst xmlns:a="http://schemas.openxmlformats.org/drawingml/2006/main" xmlns:r="http://schemas.openxmlformats.org/officeDocument/2006/relationships" xmlns:p="http://schemas.openxmlformats.org/presentationml/2006/main">
  <p:tag name="JPM_BRAND" val="JPMorgan Fleming"/>
  <p:tag name="JPM_OBJECT_NAME" val="jpmBrandMaster"/>
</p:tagLst>
</file>

<file path=ppt/tags/tag50.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1.xml><?xml version="1.0" encoding="utf-8"?>
<p:tagLst xmlns:a="http://schemas.openxmlformats.org/drawingml/2006/main" xmlns:r="http://schemas.openxmlformats.org/officeDocument/2006/relationships" xmlns:p="http://schemas.openxmlformats.org/presentationml/2006/main">
  <p:tag name="JPM_TEXT_SIZE" val="14"/>
</p:tagLst>
</file>

<file path=ppt/tags/tag52.xml><?xml version="1.0" encoding="utf-8"?>
<p:tagLst xmlns:a="http://schemas.openxmlformats.org/drawingml/2006/main" xmlns:r="http://schemas.openxmlformats.org/officeDocument/2006/relationships" xmlns:p="http://schemas.openxmlformats.org/presentationml/2006/main">
  <p:tag name="JPM_TEXT_SIZE" val="14"/>
</p:tagLst>
</file>

<file path=ppt/tags/tag5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4.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5.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56.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57.xml><?xml version="1.0" encoding="utf-8"?>
<p:tagLst xmlns:a="http://schemas.openxmlformats.org/drawingml/2006/main" xmlns:r="http://schemas.openxmlformats.org/officeDocument/2006/relationships" xmlns:p="http://schemas.openxmlformats.org/presentationml/2006/main">
  <p:tag name="JPM_TEXT_SIZE" val="14"/>
</p:tagLst>
</file>

<file path=ppt/tags/tag5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9.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xml><?xml version="1.0" encoding="utf-8"?>
<p:tagLst xmlns:a="http://schemas.openxmlformats.org/drawingml/2006/main" xmlns:r="http://schemas.openxmlformats.org/officeDocument/2006/relationships" xmlns:p="http://schemas.openxmlformats.org/presentationml/2006/main">
  <p:tag name="JPM_BRAND" val="JPMorgan Partners"/>
  <p:tag name="JPM_OBJECT_NAME" val="jpmBrandMaster"/>
</p:tagLst>
</file>

<file path=ppt/tags/tag60.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61.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62.xml><?xml version="1.0" encoding="utf-8"?>
<p:tagLst xmlns:a="http://schemas.openxmlformats.org/drawingml/2006/main" xmlns:r="http://schemas.openxmlformats.org/officeDocument/2006/relationships" xmlns:p="http://schemas.openxmlformats.org/presentationml/2006/main">
  <p:tag name="JPM_TEXT_SIZE" val="14"/>
</p:tagLst>
</file>

<file path=ppt/tags/tag6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4.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5.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66.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67.xml><?xml version="1.0" encoding="utf-8"?>
<p:tagLst xmlns:a="http://schemas.openxmlformats.org/drawingml/2006/main" xmlns:r="http://schemas.openxmlformats.org/officeDocument/2006/relationships" xmlns:p="http://schemas.openxmlformats.org/presentationml/2006/main">
  <p:tag name="JPM_TEXT_SIZE" val="14"/>
</p:tagLst>
</file>

<file path=ppt/tags/tag68.xml><?xml version="1.0" encoding="utf-8"?>
<p:tagLst xmlns:a="http://schemas.openxmlformats.org/drawingml/2006/main" xmlns:r="http://schemas.openxmlformats.org/officeDocument/2006/relationships" xmlns:p="http://schemas.openxmlformats.org/presentationml/2006/main">
  <p:tag name="JPM_TEXT_SIZE" val="14"/>
</p:tagLst>
</file>

<file path=ppt/tags/tag6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7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7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72.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73.xml><?xml version="1.0" encoding="utf-8"?>
<p:tagLst xmlns:a="http://schemas.openxmlformats.org/drawingml/2006/main" xmlns:r="http://schemas.openxmlformats.org/officeDocument/2006/relationships" xmlns:p="http://schemas.openxmlformats.org/presentationml/2006/main">
  <p:tag name="JPM_TEXT_SIZE" val="14"/>
</p:tagLst>
</file>

<file path=ppt/tags/tag7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5.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76.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77.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78.xml><?xml version="1.0" encoding="utf-8"?>
<p:tagLst xmlns:a="http://schemas.openxmlformats.org/drawingml/2006/main" xmlns:r="http://schemas.openxmlformats.org/officeDocument/2006/relationships" xmlns:p="http://schemas.openxmlformats.org/presentationml/2006/main">
  <p:tag name="JPM_TEXT_SIZE" val="14"/>
</p:tagLst>
</file>

<file path=ppt/tags/tag7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xml><?xml version="1.0" encoding="utf-8"?>
<p:tagLst xmlns:a="http://schemas.openxmlformats.org/drawingml/2006/main" xmlns:r="http://schemas.openxmlformats.org/officeDocument/2006/relationships" xmlns:p="http://schemas.openxmlformats.org/presentationml/2006/main">
  <p:tag name="JPM_BRAND" val="JPMorgan Partners"/>
  <p:tag name="JPM_OBJECT_NAME" val="jpmBrandMaster"/>
</p:tagLst>
</file>

<file path=ppt/tags/tag8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8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82.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3.xml><?xml version="1.0" encoding="utf-8"?>
<p:tagLst xmlns:a="http://schemas.openxmlformats.org/drawingml/2006/main" xmlns:r="http://schemas.openxmlformats.org/officeDocument/2006/relationships" xmlns:p="http://schemas.openxmlformats.org/presentationml/2006/main">
  <p:tag name="JPM_TEXT_SIZE" val="14"/>
</p:tagLst>
</file>

<file path=ppt/tags/tag84.xml><?xml version="1.0" encoding="utf-8"?>
<p:tagLst xmlns:a="http://schemas.openxmlformats.org/drawingml/2006/main" xmlns:r="http://schemas.openxmlformats.org/officeDocument/2006/relationships" xmlns:p="http://schemas.openxmlformats.org/presentationml/2006/main">
  <p:tag name="JPM_TEXT_SIZE" val="14"/>
</p:tagLst>
</file>

<file path=ppt/tags/tag8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6.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87.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88.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89.xml><?xml version="1.0" encoding="utf-8"?>
<p:tagLst xmlns:a="http://schemas.openxmlformats.org/drawingml/2006/main" xmlns:r="http://schemas.openxmlformats.org/officeDocument/2006/relationships" xmlns:p="http://schemas.openxmlformats.org/presentationml/2006/main">
  <p:tag name="JPM_TEXT_SIZE" val="14"/>
</p:tagLst>
</file>

<file path=ppt/tags/tag9.xml><?xml version="1.0" encoding="utf-8"?>
<p:tagLst xmlns:a="http://schemas.openxmlformats.org/drawingml/2006/main" xmlns:r="http://schemas.openxmlformats.org/officeDocument/2006/relationships" xmlns:p="http://schemas.openxmlformats.org/presentationml/2006/main">
  <p:tag name="JPM_BRAND" val="JPMorgan Private Bank"/>
  <p:tag name="JPM_OBJECT_NAME" val="jpmBrandMaster"/>
</p:tagLst>
</file>

<file path=ppt/tags/tag9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92.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93.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ags/tag94.xml><?xml version="1.0" encoding="utf-8"?>
<p:tagLst xmlns:a="http://schemas.openxmlformats.org/drawingml/2006/main" xmlns:r="http://schemas.openxmlformats.org/officeDocument/2006/relationships" xmlns:p="http://schemas.openxmlformats.org/presentationml/2006/main">
  <p:tag name="JPM_TEXT_SIZE" val="14"/>
</p:tagLst>
</file>

<file path=ppt/tags/tag95.xml><?xml version="1.0" encoding="utf-8"?>
<p:tagLst xmlns:a="http://schemas.openxmlformats.org/drawingml/2006/main" xmlns:r="http://schemas.openxmlformats.org/officeDocument/2006/relationships" xmlns:p="http://schemas.openxmlformats.org/presentationml/2006/main">
  <p:tag name="JPM_TEXT_SIZE" val="14"/>
</p:tagLst>
</file>

<file path=ppt/tags/tag9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7.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98.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99.xml><?xml version="1.0" encoding="utf-8"?>
<p:tagLst xmlns:a="http://schemas.openxmlformats.org/drawingml/2006/main" xmlns:r="http://schemas.openxmlformats.org/officeDocument/2006/relationships" xmlns:p="http://schemas.openxmlformats.org/presentationml/2006/main">
  <p:tag name="JPM_OBJECT_NAME" val="jpmAgendaTitle"/>
</p:tagLst>
</file>

<file path=ppt/theme/theme1.xml><?xml version="1.0" encoding="utf-8"?>
<a:theme xmlns:a="http://schemas.openxmlformats.org/drawingml/2006/main" name="Print template">
  <a:themeElements>
    <a:clrScheme name="Custom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264E84"/>
      </a:hlink>
      <a:folHlink>
        <a:srgbClr val="C00000"/>
      </a:folHlink>
    </a:clrScheme>
    <a:fontScheme name="Print template">
      <a:majorFont>
        <a:latin typeface="Century Gothic"/>
        <a:ea typeface=""/>
        <a:cs typeface=""/>
      </a:majorFont>
      <a:minorFont>
        <a:latin typeface="Century Gothic"/>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Century Gothic"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Century Gothic" pitchFamily="34" charset="0"/>
          </a:defRPr>
        </a:defPPr>
      </a:lstStyle>
    </a:lnDef>
  </a:objectDefaults>
  <a:extraClrSchemeLst>
    <a:extraClrScheme>
      <a:clrScheme name="Print template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2756</TotalTime>
  <Words>1183</Words>
  <Application>Microsoft Office PowerPoint</Application>
  <PresentationFormat>Custom</PresentationFormat>
  <Paragraphs>197</Paragraphs>
  <Slides>15</Slides>
  <Notes>14</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15</vt:i4>
      </vt:variant>
    </vt:vector>
  </HeadingPairs>
  <TitlesOfParts>
    <vt:vector size="17" baseType="lpstr">
      <vt:lpstr>Print template</vt:lpstr>
      <vt:lpstr>Photo Editor Photo</vt:lpstr>
      <vt:lpstr>Slide 0</vt:lpstr>
      <vt:lpstr>Slide 1</vt:lpstr>
      <vt:lpstr>Process Management &amp; Controls </vt:lpstr>
      <vt:lpstr>Process Management &amp; Controls</vt:lpstr>
      <vt:lpstr>Process Management &amp; Controls</vt:lpstr>
      <vt:lpstr>Service Transformation</vt:lpstr>
      <vt:lpstr>Service Transformation</vt:lpstr>
      <vt:lpstr>Service Transformation</vt:lpstr>
      <vt:lpstr>Infrastructure Deployment </vt:lpstr>
      <vt:lpstr>Infrastructure Deployment </vt:lpstr>
      <vt:lpstr>Infrastructure Deployment </vt:lpstr>
      <vt:lpstr>Solutions Engineering </vt:lpstr>
      <vt:lpstr>Solutions Engineering </vt:lpstr>
      <vt:lpstr>Global Business Office </vt:lpstr>
      <vt:lpstr>Global Business Office</vt:lpstr>
    </vt:vector>
  </TitlesOfParts>
  <Company>J.P. Morgan Chase &amp; Co.</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TS Global Service Management</dc:title>
  <dc:subject>CTS Global Service Management</dc:subject>
  <dc:creator>U410244</dc:creator>
  <cp:lastModifiedBy>ANDREAS DROUSIOTIS</cp:lastModifiedBy>
  <cp:revision>229</cp:revision>
  <cp:lastPrinted>2002-05-20T22:18:19Z</cp:lastPrinted>
  <dcterms:created xsi:type="dcterms:W3CDTF">2007-01-05T15:19:45Z</dcterms:created>
  <dcterms:modified xsi:type="dcterms:W3CDTF">2010-11-18T18:39:36Z</dcterms:modified>
</cp:coreProperties>
</file>